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24226"/>
  <mc:AlternateContent xmlns:mc="http://schemas.openxmlformats.org/markup-compatibility/2006">
    <mc:Choice Requires="x15">
      <x15ac:absPath xmlns:x15ac="http://schemas.microsoft.com/office/spreadsheetml/2010/11/ac" url="\\Kfs01\s0223\common\01庶務\01庶務\09ホームページ運用・管理\20240305_寄附税制優遇を受けられるNPO 法人一覧【分野別欄】について_作業中\起案\メモ\"/>
    </mc:Choice>
  </mc:AlternateContent>
  <bookViews>
    <workbookView xWindow="-48" yWindow="-48" windowWidth="10320" windowHeight="8088"/>
  </bookViews>
  <sheets>
    <sheet name="R5.11.30" sheetId="36" r:id="rId1"/>
  </sheets>
  <definedNames>
    <definedName name="_xlnm._FilterDatabase" localSheetId="0" hidden="1">'R5.11.30'!$A$10:$M$181</definedName>
    <definedName name="_xlnm.Print_Area" localSheetId="0">'R5.11.30'!$B$1:$M$181</definedName>
    <definedName name="_xlnm.Print_Titles" localSheetId="0">'R5.11.30'!$1:$10</definedName>
  </definedNames>
  <calcPr calcId="162913"/>
</workbook>
</file>

<file path=xl/sharedStrings.xml><?xml version="1.0" encoding="utf-8"?>
<sst xmlns="http://schemas.openxmlformats.org/spreadsheetml/2006/main" count="1317" uniqueCount="679">
  <si>
    <t>神奈川県</t>
    <rPh sb="0" eb="4">
      <t>カナガワケン</t>
    </rPh>
    <phoneticPr fontId="1"/>
  </si>
  <si>
    <t>横浜市</t>
    <rPh sb="0" eb="3">
      <t>ヨコハマシ</t>
    </rPh>
    <phoneticPr fontId="1"/>
  </si>
  <si>
    <t>川崎市</t>
    <rPh sb="0" eb="3">
      <t>カワサキシ</t>
    </rPh>
    <phoneticPr fontId="1"/>
  </si>
  <si>
    <t>相模原市</t>
    <rPh sb="0" eb="4">
      <t>サガミハラシ</t>
    </rPh>
    <phoneticPr fontId="1"/>
  </si>
  <si>
    <t>横須賀市</t>
    <rPh sb="0" eb="4">
      <t>ヨコスカシ</t>
    </rPh>
    <phoneticPr fontId="1"/>
  </si>
  <si>
    <t>平塚市</t>
    <rPh sb="0" eb="3">
      <t>ヒラツカシ</t>
    </rPh>
    <phoneticPr fontId="1"/>
  </si>
  <si>
    <t>鎌倉市</t>
    <rPh sb="0" eb="3">
      <t>カマクラシ</t>
    </rPh>
    <phoneticPr fontId="1"/>
  </si>
  <si>
    <t>藤沢市</t>
    <rPh sb="0" eb="3">
      <t>フジサワシ</t>
    </rPh>
    <phoneticPr fontId="1"/>
  </si>
  <si>
    <t>小田原市</t>
    <rPh sb="0" eb="4">
      <t>オダワラシ</t>
    </rPh>
    <phoneticPr fontId="1"/>
  </si>
  <si>
    <t>伊勢原市</t>
    <rPh sb="0" eb="4">
      <t>イセハラシ</t>
    </rPh>
    <phoneticPr fontId="1"/>
  </si>
  <si>
    <t>南足柄市</t>
    <rPh sb="0" eb="4">
      <t>ミナミアシガラシ</t>
    </rPh>
    <phoneticPr fontId="1"/>
  </si>
  <si>
    <t>法人名</t>
    <rPh sb="0" eb="2">
      <t>ホウジン</t>
    </rPh>
    <rPh sb="2" eb="3">
      <t>メイ</t>
    </rPh>
    <phoneticPr fontId="1"/>
  </si>
  <si>
    <t>所轄庁</t>
    <rPh sb="0" eb="2">
      <t>ショカツ</t>
    </rPh>
    <rPh sb="2" eb="3">
      <t>チョウ</t>
    </rPh>
    <phoneticPr fontId="1"/>
  </si>
  <si>
    <t>主たる事務所</t>
    <rPh sb="0" eb="1">
      <t>シュ</t>
    </rPh>
    <rPh sb="3" eb="5">
      <t>ジム</t>
    </rPh>
    <rPh sb="5" eb="6">
      <t>ショ</t>
    </rPh>
    <phoneticPr fontId="1"/>
  </si>
  <si>
    <t>横浜市港北区</t>
    <rPh sb="0" eb="3">
      <t>ヨコハマシ</t>
    </rPh>
    <rPh sb="3" eb="6">
      <t>コウホクク</t>
    </rPh>
    <phoneticPr fontId="1"/>
  </si>
  <si>
    <t>横浜市栄区</t>
    <rPh sb="0" eb="3">
      <t>ヨコハマシ</t>
    </rPh>
    <rPh sb="3" eb="5">
      <t>サカエク</t>
    </rPh>
    <phoneticPr fontId="1"/>
  </si>
  <si>
    <t>横浜市港南区</t>
    <rPh sb="0" eb="3">
      <t>ヨコハマシ</t>
    </rPh>
    <rPh sb="3" eb="6">
      <t>コウナンク</t>
    </rPh>
    <phoneticPr fontId="1"/>
  </si>
  <si>
    <t>横浜市磯子区</t>
    <rPh sb="0" eb="3">
      <t>ヨコハマシ</t>
    </rPh>
    <rPh sb="3" eb="6">
      <t>イソゴク</t>
    </rPh>
    <phoneticPr fontId="1"/>
  </si>
  <si>
    <t>横浜市中区</t>
    <rPh sb="0" eb="3">
      <t>ヨコハマシ</t>
    </rPh>
    <rPh sb="3" eb="5">
      <t>ナカク</t>
    </rPh>
    <phoneticPr fontId="1"/>
  </si>
  <si>
    <t>横浜市青葉区</t>
    <rPh sb="0" eb="3">
      <t>ヨコハマシ</t>
    </rPh>
    <rPh sb="3" eb="6">
      <t>アオバク</t>
    </rPh>
    <phoneticPr fontId="1"/>
  </si>
  <si>
    <t>横浜市都筑区</t>
    <rPh sb="0" eb="3">
      <t>ヨコハマシ</t>
    </rPh>
    <rPh sb="3" eb="6">
      <t>ツヅキク</t>
    </rPh>
    <phoneticPr fontId="1"/>
  </si>
  <si>
    <t>横浜市戸塚区</t>
    <rPh sb="0" eb="3">
      <t>ヨコハマシ</t>
    </rPh>
    <rPh sb="3" eb="6">
      <t>トツカク</t>
    </rPh>
    <phoneticPr fontId="1"/>
  </si>
  <si>
    <t>相模原市緑区</t>
    <rPh sb="0" eb="4">
      <t>サガミハラシ</t>
    </rPh>
    <rPh sb="4" eb="6">
      <t>ミドリク</t>
    </rPh>
    <phoneticPr fontId="1"/>
  </si>
  <si>
    <t>川崎市麻生区</t>
    <rPh sb="0" eb="3">
      <t>カワサキシ</t>
    </rPh>
    <rPh sb="3" eb="6">
      <t>アサオク</t>
    </rPh>
    <phoneticPr fontId="1"/>
  </si>
  <si>
    <t>横浜市瀬谷区</t>
    <rPh sb="0" eb="3">
      <t>ヨコハマシ</t>
    </rPh>
    <rPh sb="3" eb="6">
      <t>セヤク</t>
    </rPh>
    <phoneticPr fontId="1"/>
  </si>
  <si>
    <t>横浜市西区</t>
    <rPh sb="0" eb="3">
      <t>ヨコハマシ</t>
    </rPh>
    <rPh sb="3" eb="5">
      <t>ニシク</t>
    </rPh>
    <phoneticPr fontId="1"/>
  </si>
  <si>
    <t>横浜市神奈川区</t>
    <rPh sb="0" eb="3">
      <t>ヨコハマシ</t>
    </rPh>
    <rPh sb="3" eb="7">
      <t>カナガワク</t>
    </rPh>
    <phoneticPr fontId="1"/>
  </si>
  <si>
    <t>横浜市南区</t>
    <rPh sb="0" eb="3">
      <t>ヨコハマシ</t>
    </rPh>
    <rPh sb="3" eb="5">
      <t>ミナミク</t>
    </rPh>
    <phoneticPr fontId="1"/>
  </si>
  <si>
    <t>相模原市中央区</t>
    <rPh sb="0" eb="4">
      <t>サガミハラシ</t>
    </rPh>
    <rPh sb="4" eb="7">
      <t>チュウオウク</t>
    </rPh>
    <phoneticPr fontId="1"/>
  </si>
  <si>
    <t>川崎市多摩区</t>
    <rPh sb="0" eb="3">
      <t>カワサキシ</t>
    </rPh>
    <rPh sb="3" eb="6">
      <t>タマク</t>
    </rPh>
    <phoneticPr fontId="1"/>
  </si>
  <si>
    <t>海老名市</t>
    <rPh sb="0" eb="4">
      <t>エビナシ</t>
    </rPh>
    <phoneticPr fontId="1"/>
  </si>
  <si>
    <t>横浜市泉区</t>
    <rPh sb="0" eb="3">
      <t>ヨコハマシ</t>
    </rPh>
    <rPh sb="3" eb="5">
      <t>イズミク</t>
    </rPh>
    <phoneticPr fontId="1"/>
  </si>
  <si>
    <t>川崎市高津区</t>
    <rPh sb="0" eb="3">
      <t>カワサキシ</t>
    </rPh>
    <rPh sb="3" eb="6">
      <t>タカツク</t>
    </rPh>
    <phoneticPr fontId="1"/>
  </si>
  <si>
    <t>横浜市旭区</t>
    <rPh sb="0" eb="3">
      <t>ヨコハマシ</t>
    </rPh>
    <rPh sb="3" eb="5">
      <t>アサヒク</t>
    </rPh>
    <phoneticPr fontId="1"/>
  </si>
  <si>
    <t>横浜市中区</t>
    <rPh sb="0" eb="3">
      <t>ヨコハマシ</t>
    </rPh>
    <rPh sb="3" eb="4">
      <t>ナカ</t>
    </rPh>
    <rPh sb="4" eb="5">
      <t>ク</t>
    </rPh>
    <phoneticPr fontId="1"/>
  </si>
  <si>
    <t>横浜市金沢区</t>
    <rPh sb="0" eb="3">
      <t>ヨコハマシ</t>
    </rPh>
    <rPh sb="3" eb="6">
      <t>カナザワク</t>
    </rPh>
    <phoneticPr fontId="1"/>
  </si>
  <si>
    <t>川崎市中原区</t>
    <rPh sb="0" eb="3">
      <t>カワサキシ</t>
    </rPh>
    <rPh sb="3" eb="6">
      <t>ナカハラク</t>
    </rPh>
    <phoneticPr fontId="1"/>
  </si>
  <si>
    <t>相模原市南区</t>
    <rPh sb="0" eb="4">
      <t>サガミハラシ</t>
    </rPh>
    <rPh sb="4" eb="5">
      <t>ミナミ</t>
    </rPh>
    <rPh sb="5" eb="6">
      <t>ク</t>
    </rPh>
    <phoneticPr fontId="1"/>
  </si>
  <si>
    <t>相模原市中央区</t>
    <rPh sb="0" eb="4">
      <t>サガミハラシ</t>
    </rPh>
    <rPh sb="4" eb="6">
      <t>チュウオウ</t>
    </rPh>
    <rPh sb="6" eb="7">
      <t>ク</t>
    </rPh>
    <phoneticPr fontId="1"/>
  </si>
  <si>
    <t>横浜市都筑区</t>
    <rPh sb="3" eb="5">
      <t>ツヅキ</t>
    </rPh>
    <phoneticPr fontId="1"/>
  </si>
  <si>
    <t>相模原市南区</t>
    <rPh sb="0" eb="4">
      <t>サガミハラシ</t>
    </rPh>
    <rPh sb="4" eb="6">
      <t>ミナミク</t>
    </rPh>
    <phoneticPr fontId="1"/>
  </si>
  <si>
    <t>横浜市保土ヶ谷区</t>
    <rPh sb="0" eb="3">
      <t>ヨコハマシ</t>
    </rPh>
    <rPh sb="3" eb="8">
      <t>ホドガヤク</t>
    </rPh>
    <phoneticPr fontId="1"/>
  </si>
  <si>
    <t>横浜市都筑区</t>
    <rPh sb="0" eb="3">
      <t>ヨコハマシ</t>
    </rPh>
    <rPh sb="3" eb="5">
      <t>ツヅキ</t>
    </rPh>
    <rPh sb="5" eb="6">
      <t>ク</t>
    </rPh>
    <phoneticPr fontId="1"/>
  </si>
  <si>
    <t>横浜市南区</t>
    <rPh sb="3" eb="4">
      <t>ミナミ</t>
    </rPh>
    <rPh sb="4" eb="5">
      <t>ク</t>
    </rPh>
    <phoneticPr fontId="1"/>
  </si>
  <si>
    <t>相模原市緑区</t>
    <rPh sb="0" eb="4">
      <t>サガミハラシ</t>
    </rPh>
    <rPh sb="4" eb="5">
      <t>ミドリ</t>
    </rPh>
    <phoneticPr fontId="1"/>
  </si>
  <si>
    <t>茅ヶ崎市</t>
    <rPh sb="0" eb="4">
      <t>チガサキシ</t>
    </rPh>
    <phoneticPr fontId="1"/>
  </si>
  <si>
    <t>足柄下郡湯河原町</t>
    <rPh sb="0" eb="4">
      <t>アシガラシモグン</t>
    </rPh>
    <rPh sb="4" eb="8">
      <t>ユガワラマチ</t>
    </rPh>
    <phoneticPr fontId="1"/>
  </si>
  <si>
    <t>横浜市中区</t>
    <rPh sb="3" eb="5">
      <t>ナカク</t>
    </rPh>
    <phoneticPr fontId="1"/>
  </si>
  <si>
    <t>鎌倉市</t>
    <rPh sb="0" eb="2">
      <t>カマクラ</t>
    </rPh>
    <rPh sb="2" eb="3">
      <t>シ</t>
    </rPh>
    <phoneticPr fontId="1"/>
  </si>
  <si>
    <t>座間市</t>
    <rPh sb="0" eb="3">
      <t>ザマシ</t>
    </rPh>
    <phoneticPr fontId="1"/>
  </si>
  <si>
    <t>茅ヶ崎市</t>
    <rPh sb="0" eb="3">
      <t>チガサキ</t>
    </rPh>
    <rPh sb="3" eb="4">
      <t>シ</t>
    </rPh>
    <phoneticPr fontId="1"/>
  </si>
  <si>
    <t>横浜市戸塚区</t>
    <rPh sb="3" eb="5">
      <t>トツカ</t>
    </rPh>
    <phoneticPr fontId="1"/>
  </si>
  <si>
    <t>川崎市麻生区</t>
    <rPh sb="0" eb="3">
      <t>カワサキシ</t>
    </rPh>
    <rPh sb="3" eb="5">
      <t>アサオ</t>
    </rPh>
    <phoneticPr fontId="1"/>
  </si>
  <si>
    <t>藤沢市</t>
    <rPh sb="0" eb="2">
      <t>フジサワ</t>
    </rPh>
    <rPh sb="2" eb="3">
      <t>シ</t>
    </rPh>
    <phoneticPr fontId="1"/>
  </si>
  <si>
    <t>横浜市</t>
    <rPh sb="0" eb="2">
      <t>ヨコハマ</t>
    </rPh>
    <rPh sb="2" eb="3">
      <t>シ</t>
    </rPh>
    <phoneticPr fontId="1"/>
  </si>
  <si>
    <t>海老名市</t>
    <rPh sb="0" eb="3">
      <t>エビナ</t>
    </rPh>
    <rPh sb="3" eb="4">
      <t>シ</t>
    </rPh>
    <phoneticPr fontId="1"/>
  </si>
  <si>
    <t>横浜市保土ヶ谷区</t>
    <rPh sb="3" eb="7">
      <t>ホドガヤ</t>
    </rPh>
    <rPh sb="7" eb="8">
      <t>ク</t>
    </rPh>
    <phoneticPr fontId="1"/>
  </si>
  <si>
    <t>神奈川県</t>
    <phoneticPr fontId="1"/>
  </si>
  <si>
    <t>横浜市中区</t>
    <phoneticPr fontId="1"/>
  </si>
  <si>
    <t>横浜市旭区</t>
    <phoneticPr fontId="1"/>
  </si>
  <si>
    <t>横浜市緑区</t>
    <phoneticPr fontId="1"/>
  </si>
  <si>
    <t>大和市</t>
    <rPh sb="0" eb="3">
      <t>ヤマトシ</t>
    </rPh>
    <phoneticPr fontId="1"/>
  </si>
  <si>
    <t>横浜市港北区</t>
    <rPh sb="0" eb="3">
      <t>ヨコハマシ</t>
    </rPh>
    <rPh sb="3" eb="5">
      <t>コウホク</t>
    </rPh>
    <rPh sb="5" eb="6">
      <t>ク</t>
    </rPh>
    <phoneticPr fontId="1"/>
  </si>
  <si>
    <t>葉山町</t>
    <phoneticPr fontId="1"/>
  </si>
  <si>
    <t>横浜市西区</t>
    <rPh sb="0" eb="3">
      <t>ヨコハマシ</t>
    </rPh>
    <rPh sb="3" eb="4">
      <t>ニシ</t>
    </rPh>
    <rPh sb="4" eb="5">
      <t>ク</t>
    </rPh>
    <phoneticPr fontId="1"/>
  </si>
  <si>
    <t>横浜市磯子区</t>
    <rPh sb="0" eb="3">
      <t>ヨコハマシ</t>
    </rPh>
    <rPh sb="3" eb="5">
      <t>イソゴ</t>
    </rPh>
    <rPh sb="5" eb="6">
      <t>ク</t>
    </rPh>
    <phoneticPr fontId="1"/>
  </si>
  <si>
    <t>相模原市中央区</t>
    <rPh sb="0" eb="3">
      <t>サガミハラ</t>
    </rPh>
    <rPh sb="3" eb="4">
      <t>シ</t>
    </rPh>
    <rPh sb="4" eb="6">
      <t>チュウオウ</t>
    </rPh>
    <rPh sb="6" eb="7">
      <t>ク</t>
    </rPh>
    <phoneticPr fontId="1"/>
  </si>
  <si>
    <t>横浜市</t>
    <phoneticPr fontId="1"/>
  </si>
  <si>
    <t>海老名市</t>
    <phoneticPr fontId="1"/>
  </si>
  <si>
    <t>茅ヶ崎市</t>
    <phoneticPr fontId="1"/>
  </si>
  <si>
    <t>横浜市港北区</t>
    <phoneticPr fontId="1"/>
  </si>
  <si>
    <t>川崎市高津区</t>
    <phoneticPr fontId="1"/>
  </si>
  <si>
    <t>横浜市緑区</t>
    <rPh sb="0" eb="3">
      <t>ヨコハマシ</t>
    </rPh>
    <rPh sb="3" eb="5">
      <t>ミドリク</t>
    </rPh>
    <phoneticPr fontId="1"/>
  </si>
  <si>
    <t>厚木市</t>
    <rPh sb="0" eb="3">
      <t>アツギシ</t>
    </rPh>
    <phoneticPr fontId="1"/>
  </si>
  <si>
    <t>横浜市保土ケ谷区</t>
    <rPh sb="0" eb="2">
      <t>ヨコハマ</t>
    </rPh>
    <rPh sb="2" eb="3">
      <t>シ</t>
    </rPh>
    <rPh sb="3" eb="7">
      <t>ホドガヤ</t>
    </rPh>
    <rPh sb="7" eb="8">
      <t>ク</t>
    </rPh>
    <phoneticPr fontId="1"/>
  </si>
  <si>
    <t>厚木市</t>
    <rPh sb="0" eb="2">
      <t>アツギ</t>
    </rPh>
    <rPh sb="2" eb="3">
      <t>シ</t>
    </rPh>
    <phoneticPr fontId="1"/>
  </si>
  <si>
    <t>川崎市多摩区</t>
    <rPh sb="0" eb="3">
      <t>カワサキシ</t>
    </rPh>
    <rPh sb="3" eb="5">
      <t>タマ</t>
    </rPh>
    <rPh sb="5" eb="6">
      <t>ク</t>
    </rPh>
    <phoneticPr fontId="1"/>
  </si>
  <si>
    <t>葉山町</t>
  </si>
  <si>
    <t>逗子市</t>
    <rPh sb="0" eb="3">
      <t>ズシシ</t>
    </rPh>
    <phoneticPr fontId="1"/>
  </si>
  <si>
    <t>川崎市川崎区</t>
    <rPh sb="0" eb="3">
      <t>カワサキシ</t>
    </rPh>
    <rPh sb="3" eb="6">
      <t>カワサキク</t>
    </rPh>
    <phoneticPr fontId="1"/>
  </si>
  <si>
    <t>相模原市緑区</t>
    <rPh sb="0" eb="3">
      <t>サガミハラ</t>
    </rPh>
    <rPh sb="3" eb="4">
      <t>シ</t>
    </rPh>
    <rPh sb="4" eb="5">
      <t>ミドリ</t>
    </rPh>
    <rPh sb="5" eb="6">
      <t>ク</t>
    </rPh>
    <phoneticPr fontId="1"/>
  </si>
  <si>
    <t>横浜市都筑区</t>
    <rPh sb="0" eb="2">
      <t>ヨコハマ</t>
    </rPh>
    <rPh sb="2" eb="3">
      <t>シ</t>
    </rPh>
    <rPh sb="3" eb="5">
      <t>ツヅキ</t>
    </rPh>
    <rPh sb="5" eb="6">
      <t>ク</t>
    </rPh>
    <phoneticPr fontId="1"/>
  </si>
  <si>
    <t>横浜市青葉区</t>
    <rPh sb="0" eb="2">
      <t>ヨコハマ</t>
    </rPh>
    <rPh sb="2" eb="3">
      <t>シ</t>
    </rPh>
    <rPh sb="3" eb="5">
      <t>アオバ</t>
    </rPh>
    <rPh sb="5" eb="6">
      <t>ク</t>
    </rPh>
    <phoneticPr fontId="1"/>
  </si>
  <si>
    <t>横浜市旭区</t>
    <rPh sb="0" eb="3">
      <t>ヨコハマシ</t>
    </rPh>
    <rPh sb="3" eb="4">
      <t>アサヒ</t>
    </rPh>
    <rPh sb="4" eb="5">
      <t>ク</t>
    </rPh>
    <phoneticPr fontId="1"/>
  </si>
  <si>
    <t>川崎市宮前区</t>
    <rPh sb="0" eb="3">
      <t>カワサキシ</t>
    </rPh>
    <rPh sb="3" eb="6">
      <t>ミヤマエク</t>
    </rPh>
    <phoneticPr fontId="1"/>
  </si>
  <si>
    <t>県指定</t>
    <rPh sb="0" eb="1">
      <t>ケン</t>
    </rPh>
    <rPh sb="1" eb="3">
      <t>シテイ</t>
    </rPh>
    <phoneticPr fontId="1"/>
  </si>
  <si>
    <t>横須賀
市指定</t>
    <rPh sb="0" eb="3">
      <t>ヨコスカ</t>
    </rPh>
    <rPh sb="4" eb="5">
      <t>シ</t>
    </rPh>
    <rPh sb="5" eb="7">
      <t>シテイ</t>
    </rPh>
    <phoneticPr fontId="1"/>
  </si>
  <si>
    <t>各法人から主な活動分野として回答いただいた分野</t>
    <rPh sb="0" eb="1">
      <t>カク</t>
    </rPh>
    <rPh sb="1" eb="3">
      <t>ホウジン</t>
    </rPh>
    <rPh sb="5" eb="6">
      <t>オモ</t>
    </rPh>
    <rPh sb="7" eb="9">
      <t>カツドウ</t>
    </rPh>
    <rPh sb="9" eb="11">
      <t>ブンヤ</t>
    </rPh>
    <rPh sb="14" eb="16">
      <t>カイトウ</t>
    </rPh>
    <rPh sb="21" eb="23">
      <t>ブンヤ</t>
    </rPh>
    <phoneticPr fontId="1"/>
  </si>
  <si>
    <t>川崎市中原区</t>
    <rPh sb="0" eb="3">
      <t>カワサキシ</t>
    </rPh>
    <rPh sb="3" eb="5">
      <t>ナカハラ</t>
    </rPh>
    <rPh sb="5" eb="6">
      <t>ク</t>
    </rPh>
    <phoneticPr fontId="1"/>
  </si>
  <si>
    <t>川崎市中原区</t>
    <rPh sb="3" eb="5">
      <t>ナカハラ</t>
    </rPh>
    <rPh sb="5" eb="6">
      <t>ク</t>
    </rPh>
    <phoneticPr fontId="1"/>
  </si>
  <si>
    <t>保健・福祉・医療</t>
    <rPh sb="0" eb="2">
      <t>ホケン</t>
    </rPh>
    <rPh sb="3" eb="5">
      <t>フクシ</t>
    </rPh>
    <rPh sb="6" eb="8">
      <t>イリョウ</t>
    </rPh>
    <phoneticPr fontId="1"/>
  </si>
  <si>
    <t>保健・福祉・医療</t>
    <phoneticPr fontId="1"/>
  </si>
  <si>
    <t>保健・福祉・医療</t>
    <phoneticPr fontId="1"/>
  </si>
  <si>
    <t>保健・福祉・医療</t>
    <phoneticPr fontId="1"/>
  </si>
  <si>
    <t>保健・福祉・医療</t>
    <phoneticPr fontId="1"/>
  </si>
  <si>
    <t>保健・福祉・医療</t>
    <phoneticPr fontId="1"/>
  </si>
  <si>
    <t>まちづくり</t>
    <phoneticPr fontId="1"/>
  </si>
  <si>
    <t>まちづくり</t>
    <phoneticPr fontId="1"/>
  </si>
  <si>
    <t>まちづくり</t>
    <phoneticPr fontId="1"/>
  </si>
  <si>
    <t>社会教育</t>
    <rPh sb="0" eb="2">
      <t>シャカイ</t>
    </rPh>
    <rPh sb="2" eb="4">
      <t>キョウイク</t>
    </rPh>
    <phoneticPr fontId="1"/>
  </si>
  <si>
    <t>社会教育</t>
    <phoneticPr fontId="1"/>
  </si>
  <si>
    <t>学術・文化・芸術・スポーツ</t>
    <rPh sb="0" eb="2">
      <t>ガクジュツ</t>
    </rPh>
    <rPh sb="3" eb="5">
      <t>ブンカ</t>
    </rPh>
    <rPh sb="6" eb="8">
      <t>ゲイジュツ</t>
    </rPh>
    <phoneticPr fontId="1"/>
  </si>
  <si>
    <t>学術・文化・芸術・スポーツ</t>
    <phoneticPr fontId="1"/>
  </si>
  <si>
    <t>学術・文化・芸術・スポーツ</t>
    <phoneticPr fontId="1"/>
  </si>
  <si>
    <t>学術・文化・芸術・スポーツ</t>
    <phoneticPr fontId="1"/>
  </si>
  <si>
    <t>環境保全</t>
    <rPh sb="0" eb="2">
      <t>カンキョウ</t>
    </rPh>
    <rPh sb="2" eb="4">
      <t>ホゼン</t>
    </rPh>
    <phoneticPr fontId="1"/>
  </si>
  <si>
    <t>環境保全</t>
    <phoneticPr fontId="1"/>
  </si>
  <si>
    <t>環境保全</t>
    <phoneticPr fontId="1"/>
  </si>
  <si>
    <t>地域安全</t>
    <rPh sb="0" eb="2">
      <t>チイキ</t>
    </rPh>
    <rPh sb="2" eb="4">
      <t>アンゼン</t>
    </rPh>
    <phoneticPr fontId="1"/>
  </si>
  <si>
    <t>人権・平和</t>
    <rPh sb="0" eb="2">
      <t>ジンケン</t>
    </rPh>
    <rPh sb="3" eb="5">
      <t>ヘイワ</t>
    </rPh>
    <phoneticPr fontId="1"/>
  </si>
  <si>
    <t>人権・平和</t>
    <phoneticPr fontId="1"/>
  </si>
  <si>
    <t>人権・平和</t>
    <phoneticPr fontId="1"/>
  </si>
  <si>
    <t>国際協力</t>
  </si>
  <si>
    <t>国際協力</t>
    <rPh sb="0" eb="2">
      <t>コクサイ</t>
    </rPh>
    <rPh sb="2" eb="4">
      <t>キョウリョク</t>
    </rPh>
    <phoneticPr fontId="1"/>
  </si>
  <si>
    <t>国際協力</t>
    <phoneticPr fontId="1"/>
  </si>
  <si>
    <t>国際協力</t>
    <phoneticPr fontId="1"/>
  </si>
  <si>
    <t>国際協力</t>
    <phoneticPr fontId="1"/>
  </si>
  <si>
    <t>男女共同参画</t>
    <rPh sb="0" eb="2">
      <t>ダンジョ</t>
    </rPh>
    <rPh sb="2" eb="4">
      <t>キョウドウ</t>
    </rPh>
    <rPh sb="4" eb="6">
      <t>サンカク</t>
    </rPh>
    <phoneticPr fontId="1"/>
  </si>
  <si>
    <t>子どもの健全育成</t>
    <rPh sb="0" eb="1">
      <t>コ</t>
    </rPh>
    <rPh sb="4" eb="6">
      <t>ケンゼン</t>
    </rPh>
    <rPh sb="6" eb="8">
      <t>イクセイ</t>
    </rPh>
    <phoneticPr fontId="1"/>
  </si>
  <si>
    <t>子どもの健全育成</t>
    <phoneticPr fontId="1"/>
  </si>
  <si>
    <t>子どもの健全育成</t>
    <phoneticPr fontId="1"/>
  </si>
  <si>
    <t>子どもの健全育成</t>
    <phoneticPr fontId="1"/>
  </si>
  <si>
    <t>子どもの健全育成</t>
    <phoneticPr fontId="1"/>
  </si>
  <si>
    <t>情報化社会</t>
    <rPh sb="0" eb="3">
      <t>ジョウホウカ</t>
    </rPh>
    <rPh sb="3" eb="5">
      <t>シャカイ</t>
    </rPh>
    <phoneticPr fontId="1"/>
  </si>
  <si>
    <t>情報化社会</t>
    <phoneticPr fontId="1"/>
  </si>
  <si>
    <t>科学技術振興</t>
    <rPh sb="0" eb="2">
      <t>カガク</t>
    </rPh>
    <rPh sb="2" eb="4">
      <t>ギジュツ</t>
    </rPh>
    <rPh sb="4" eb="6">
      <t>シンコウ</t>
    </rPh>
    <phoneticPr fontId="1"/>
  </si>
  <si>
    <t>経済活動活性化</t>
    <phoneticPr fontId="1"/>
  </si>
  <si>
    <t>連絡・助言・援助</t>
    <rPh sb="0" eb="2">
      <t>レンラク</t>
    </rPh>
    <rPh sb="3" eb="5">
      <t>ジョゲン</t>
    </rPh>
    <rPh sb="6" eb="8">
      <t>エンジョ</t>
    </rPh>
    <phoneticPr fontId="1"/>
  </si>
  <si>
    <t>連絡・助言・援助</t>
    <phoneticPr fontId="1"/>
  </si>
  <si>
    <t>連絡・助言・援助</t>
    <phoneticPr fontId="1"/>
  </si>
  <si>
    <t>災害救援</t>
    <rPh sb="0" eb="2">
      <t>サイガイ</t>
    </rPh>
    <rPh sb="2" eb="4">
      <t>キュウエン</t>
    </rPh>
    <phoneticPr fontId="1"/>
  </si>
  <si>
    <t>海洋環境に関心をもつすべての人のため、表層海水の観測データを収集分析して内外に公開</t>
    <phoneticPr fontId="1"/>
  </si>
  <si>
    <t>電話相談事業、海外からの専門家を招いての国際シンポジウム、被害児童支援に向けての研修事業を展開</t>
    <phoneticPr fontId="1"/>
  </si>
  <si>
    <t>「ピンクリボン」をシンボルマークに、乳がんの早期発見・早期治療のための啓発活動を展開</t>
    <phoneticPr fontId="1"/>
  </si>
  <si>
    <t>様々な課題を抱える地域の中小企業を支援することで地域経済の活性化に貢献</t>
    <phoneticPr fontId="1"/>
  </si>
  <si>
    <t>鎌倉市広町緑地を優れた緑地公園として後世に伝えるため、緑地の保全や利用を図る活動を実施</t>
    <phoneticPr fontId="1"/>
  </si>
  <si>
    <t>高い技術や経験を有するシニアが集まり、ITを活かして社会に貢献</t>
    <phoneticPr fontId="1"/>
  </si>
  <si>
    <t>昭和61年市民団体として活動を開始。主に精神障がいのある方々が利用されています。「ありがとう」の気持ちを大切にして利用者も職員も役員もお互いを認め合いながら元気に活動しています。</t>
    <phoneticPr fontId="1"/>
  </si>
  <si>
    <t>子どもたち一人ひとりに合わせた療育を行うことで、社会の中で自分らしく生きていける力を育むことを目的とし、家庭や地域と連携した支援の場として活動しています。</t>
    <phoneticPr fontId="1"/>
  </si>
  <si>
    <t>小児がん等で生命を脅かす病気の子どもと家族のための在宅支援施設「こどもホスピス」を2021年までに横浜に開設・運営することや全国に小児緩和ケアの普及を目指して活動しています。</t>
    <phoneticPr fontId="1"/>
  </si>
  <si>
    <t>川崎市で自閉症支援を行っています。当事者と家族同士のつながりと笑顔を生み出すため、アウトドア活動やプログラミング、上映会等のイベントを開催しています。</t>
    <phoneticPr fontId="1"/>
  </si>
  <si>
    <t>東南アジアの保健・医療の増進のために、東南アジア地域における、保健・医療に関する物資の支援事業を中心に行っています。</t>
    <phoneticPr fontId="1"/>
  </si>
  <si>
    <t>保育園の運営を中心に、子ども食堂や親子のワークショップ等を開催。子ども達の健やかなる成長と、地域社会の活性化・明るい街づくりに貢献しています。</t>
    <phoneticPr fontId="1"/>
  </si>
  <si>
    <t>青少年が生きる力を学びアイデンティティを確立し、のびのびと暮らせる地域づくりに貢献します。専門職スタッフを配置し、医療・福祉・教育等の総合的なサービスを展開。</t>
    <phoneticPr fontId="1"/>
  </si>
  <si>
    <t>政令都市初の、保育、学童、障がい児が一緒に暮らす複合施設「なかまの杜」をセンターに、0～18歳までの切れ目ない保育・科学的発達支援と地域二か所で「子ども食堂」を運営。</t>
    <phoneticPr fontId="1"/>
  </si>
  <si>
    <t>障がいのある方々がパン屋、お惣菜、アートスタジオ、おひるごはん処で働いています。ぷかぷかに来ていただき、彼らと出会うことで新しい世界を知ることが出来ます。</t>
    <phoneticPr fontId="1"/>
  </si>
  <si>
    <t>互いに繋がる明るい社会を！相模原市委託事業(認知症キャラバン・メイト連絡会事務局、認知症カフェ相談)、認知症サポーター支援。全国の介護実践者ネットワーク事務局等</t>
    <phoneticPr fontId="1"/>
  </si>
  <si>
    <t>地域に在住するハンディキャップのある方々と、その家族に対して、要望にあった支援サービスを提供することにより、地域社会における福祉の増進に寄与することを目的とする。</t>
    <phoneticPr fontId="1"/>
  </si>
  <si>
    <t>事業者等の立場から犯罪者等の就労を支援し、再び犯罪や非行に陥ることを防止することにより、円滑な社会復帰と安全な地域社会の実現を図ることを目的とする。</t>
    <phoneticPr fontId="1"/>
  </si>
  <si>
    <t>ギャンブルに依存するなどの問題を抱える人の生活支援</t>
    <phoneticPr fontId="1"/>
  </si>
  <si>
    <t>こども医療センターに入院・通院している子どもと家族を支援するため、患者・家族滞在施設を運営</t>
    <phoneticPr fontId="1"/>
  </si>
  <si>
    <t>福祉のまちづくりを目ざして、高齢者、障害者への生活支援を展開</t>
    <phoneticPr fontId="1"/>
  </si>
  <si>
    <t>暮らしやすい地域社会を目指して、障害児・者や高齢者に対する生活介護や福祉有償運送などの支援を展開</t>
    <phoneticPr fontId="1"/>
  </si>
  <si>
    <t>HIV感染者・エイズ患者の方々へのサポートとAIDSに対する啓発活動を実施</t>
    <phoneticPr fontId="1"/>
  </si>
  <si>
    <t>アルコールや薬物等の依存症者に対して、依存症からの回復支援や社会の理解を得る活動を展開</t>
    <phoneticPr fontId="1"/>
  </si>
  <si>
    <t>地域福祉の創造をめざし、福祉有償運送、情報発信・ネットワーク、ボランティア活動の活性化を展開</t>
    <phoneticPr fontId="1"/>
  </si>
  <si>
    <t>障害のある方も高齢者の方も誰もが自由に移動できる福祉移動サービスを提供</t>
    <phoneticPr fontId="1"/>
  </si>
  <si>
    <t>公的福祉と市民事業で支える「自分らしく自分の家で暮らし続けるための地域福祉」</t>
    <phoneticPr fontId="1"/>
  </si>
  <si>
    <t>市民の参加型によるこころ豊かな地域福祉社会づくりを目指して活動しています</t>
    <phoneticPr fontId="1"/>
  </si>
  <si>
    <t>人と人とのつながりを大切に、精神障害者が地域で自立した生活ができるような支援を実施</t>
    <phoneticPr fontId="1"/>
  </si>
  <si>
    <t>アルコールや薬物等の依存症者に対して、依存症からの回復支援や、社会の理解を得る活動を展開</t>
    <phoneticPr fontId="1"/>
  </si>
  <si>
    <t>高齢者や中高年の中途障害者に対する介護・生活支援や、保育園の運営による子育て支援などを展開</t>
    <phoneticPr fontId="1"/>
  </si>
  <si>
    <t>地域の障害者に対して、地域活動支援センターの運営を通じて日常生活や地域生活の支援を実施</t>
    <phoneticPr fontId="1"/>
  </si>
  <si>
    <t>在宅障害者がより充実した地域生活が送れるよう、地域福祉に関する支援を実施</t>
    <phoneticPr fontId="1"/>
  </si>
  <si>
    <t>メンタルヘルス専門職の資質向上やメンタルヘルス対策の普及・発展を通して、地域住民のこころの健康づくりを支援</t>
    <phoneticPr fontId="1"/>
  </si>
  <si>
    <t>精神障害者の支援のため、地域作業所の運営や社会参加の促進、地域交流事業等を実施</t>
    <phoneticPr fontId="1"/>
  </si>
  <si>
    <t>移動に困難を抱える人たちが移動の自由を確保できるよう支援活動を展開</t>
    <phoneticPr fontId="1"/>
  </si>
  <si>
    <t>高齢要介護者とその家族の生活を支えるため、居宅介護支援や訪問介護支援、高齢者サロンの提供などを実施</t>
    <phoneticPr fontId="1"/>
  </si>
  <si>
    <t>主に精神に疾患を持っている方に日常生活や社会生活、就労に関する支援を総合的に実施することで、社会的・精神的自立を支援</t>
    <phoneticPr fontId="1"/>
  </si>
  <si>
    <t>高齢者、障害者及び子どもが心豊かな日常生活を営むことができるよう、成年後見や子育て広場、研修会などを実施</t>
    <phoneticPr fontId="1"/>
  </si>
  <si>
    <t>「困ったときはお互いさま」の気持ちを大切に、居宅介護支援、訪問介護、デイサービス、移動サービスを実施</t>
    <phoneticPr fontId="1"/>
  </si>
  <si>
    <t>障がい者等に対して、自立した日常生活を営む支援と社会参加の実現に向けた事業を展開し、安心して生活できる共生社会の実現を図る</t>
    <phoneticPr fontId="1"/>
  </si>
  <si>
    <t>就労困難な障害者が障害の程度に関わらず一人ひとりの能力に応じて活動し、生きがいを持って心豊かに暮らせるよう場を提供</t>
    <phoneticPr fontId="1"/>
  </si>
  <si>
    <t>化学物質過敏症をはじめ、化学物質を主な原因とした体調不良者の支援及び、化学物質に依存しない社会を形成するための保全活動</t>
    <phoneticPr fontId="1"/>
  </si>
  <si>
    <t>就労困難な在宅の障害者に対して、働く場を提供し必要な作業や訓練を実施</t>
    <phoneticPr fontId="1"/>
  </si>
  <si>
    <t>相互扶助の精神で、誰でも・いつでも・どこにでも出かけられる移動自由の社会づくりをめざして、外出介助サービスを提供</t>
    <phoneticPr fontId="1"/>
  </si>
  <si>
    <t>人と人とがささえあう地域社会をめざして、高齢者のデイサービス、ケアマネ事業、生活支援サービス事業を実施しています。</t>
    <phoneticPr fontId="1"/>
  </si>
  <si>
    <t>わたしたちは、ボランタリー事業、介護保険事業、障害福祉事業、不動産事業を通して、老若男女誰もが「おたがいさま」のこころで幸せに暮らせるまちづくりを行っています。</t>
    <phoneticPr fontId="1"/>
  </si>
  <si>
    <t>まちはみんなでつくる！未来を担うこどもたちが、自由な発想で社会を知り、体験し、考え、自分らしさが活かせる生き方を自分の力で見つけられる事業をします。</t>
    <phoneticPr fontId="1"/>
  </si>
  <si>
    <t>目標は「50年後も住み続けたいまち」。市南西部地域で暮らす人が地域課題を解決できるよう、交流スペース「まちスポ茅ヶ崎」運営等を通して、市民活動を支援しています。</t>
    <phoneticPr fontId="1"/>
  </si>
  <si>
    <t>「誰もが自分らしく暮らせるまちづくり」をめざし、市民活動・地域活動の支援等を実施</t>
    <phoneticPr fontId="1"/>
  </si>
  <si>
    <t>地域住民や、多様な団体との連携とアートの力で「安全安心のまちづくり」を推進</t>
    <phoneticPr fontId="1"/>
  </si>
  <si>
    <t>市民利用施設の運営を通して、ひと・情報・地域をつなぐ</t>
    <phoneticPr fontId="1"/>
  </si>
  <si>
    <t>麻生区を生活、活動の場としている人々に対して、麻生市民交流館やまゆりを通して、交流や活動推進に関する事業を実施</t>
    <phoneticPr fontId="1"/>
  </si>
  <si>
    <t>追浜こみゅに亭＆ワイナリーの活動をもとに、様々な資源を活かしたまちづくり活動を展開</t>
    <phoneticPr fontId="1"/>
  </si>
  <si>
    <t>里山文化が残る藤野の魅力を見つけ、創り、伝えるため、まちおこしに関する企画立案やまちおこし団体の運営を支援</t>
    <phoneticPr fontId="1"/>
  </si>
  <si>
    <t>野良猫に関するトラブルゼロ、殺処分ゼロをめざして猫の不妊化や保護支援を実施</t>
    <phoneticPr fontId="1"/>
  </si>
  <si>
    <t>若葉台地区及び周辺住民の誰もがこの街に永く住み続けたいと思えるよう、福祉・環境・文化のまちづくりを展開</t>
    <phoneticPr fontId="1"/>
  </si>
  <si>
    <t>葉山のまちづくり活動を支援するため、まちづくり館の管理・運営や交流会の開催、相談事業などを実施</t>
    <phoneticPr fontId="1"/>
  </si>
  <si>
    <t>小田原城の天守復原に向けて、普及啓発や調査研究、人材養成等に関する事業を行い、小田原城を核としたまちづくりを推進する。</t>
    <phoneticPr fontId="1"/>
  </si>
  <si>
    <t>人間関係改善のための選択理論、リアリティセラピー、リードマネジメントの普及</t>
    <phoneticPr fontId="1"/>
  </si>
  <si>
    <t>川崎市とその周辺の市民に対して、高い専門性を備えた継続的な学習の場を提供</t>
    <phoneticPr fontId="1"/>
  </si>
  <si>
    <t>サッカーを通じ地域における幼児から高齢者者が気軽に楽しめる場と機会の創出、世代間交流の場つくりを行う。また子供たちの健全育成と一貫指導による競技力向上を図る。</t>
    <phoneticPr fontId="1"/>
  </si>
  <si>
    <t>大和市サッカー協会は、大和市体育協会の一員です。また、神奈川県サッカー協会傘下の団体でもあります。大和市のサッカー競技振興のための企画・運営に当たっています。</t>
    <phoneticPr fontId="1"/>
  </si>
  <si>
    <t>総合型地域スポーツクラブとして、1970年のラグビースクール創立以来、ラグビーを基軸とした地域スポーツの振興・普及と地域スポーツ文化の向上に取り組んでおります。</t>
    <phoneticPr fontId="1"/>
  </si>
  <si>
    <t>サッカーやチアダンスを中心に子供から大人までが楽しむ事ができる総合型地域スポーツクラブとして活動しています。</t>
    <phoneticPr fontId="1"/>
  </si>
  <si>
    <t>知的障害者に年間を通じてスポーツトレーニングを提供し、自立と社会参加を支援</t>
    <phoneticPr fontId="1"/>
  </si>
  <si>
    <t>音楽で「人を、街をつなぐ」ことを目的に、多種多様な音楽イベントを企画・制作</t>
    <phoneticPr fontId="1"/>
  </si>
  <si>
    <t>アマチュアオーケストラとしての演奏活動や生涯学習事業、音楽愛好者を増やす事業を通して音楽を楽しむ機会を提供</t>
    <phoneticPr fontId="1"/>
  </si>
  <si>
    <t>平安後期から鎌倉初期を起源とした小笠原流の礼法、弓術、弓馬術の保存及び継承</t>
    <phoneticPr fontId="1"/>
  </si>
  <si>
    <t>芸術をもっと身近に感じてもらうとともに、若手芸術家が活躍できる場を提供するため、市民向けのコンサートやワークショップを実施</t>
    <phoneticPr fontId="1"/>
  </si>
  <si>
    <t>舞台芸術を中心としたアートと市民社会の新しい関係づくりを推進するとともに、アートの持つ力を現代社会に活かし、より豊かな市民社会の創出を目指す。</t>
    <phoneticPr fontId="1"/>
  </si>
  <si>
    <t>衣類や雑貨等をご寄附いただきボランティア参加によるチャリティショップ「WEショップ厚木1号店」で販売。その収益で国内外支援活動を1998年から行っています。</t>
    <phoneticPr fontId="1"/>
  </si>
  <si>
    <t>「海は楽しい、海はすばらしい、そして海は大切だ」を合言葉に、次代を担う子ども達が体験を通して自ら海を好きになり、海を守っていってくれる事を目的に活動しています。</t>
    <phoneticPr fontId="1"/>
  </si>
  <si>
    <t>「森林と人をつなぐ」を合言葉に、森林の大切さを県民に伝えることがミッションです。県民参加の森林づくりや、企業・学校などの森林活動や環境教育を展開しています。</t>
    <phoneticPr fontId="1"/>
  </si>
  <si>
    <t>アジア地域の海洋生物と海洋環境を保全していくため、調査研究や保全活動を実施</t>
    <phoneticPr fontId="1"/>
  </si>
  <si>
    <t>川崎市内の環境保全と地球温暖化対策の活動推進、環境・まちづくり分野の学習支援</t>
    <phoneticPr fontId="1"/>
  </si>
  <si>
    <t>「木もれびの森」などの相模原の森林や里山の保全活動を実施</t>
    <phoneticPr fontId="1"/>
  </si>
  <si>
    <t>谷戸の景観をとどめている「舞岡公園」を中心に、自然環境や文化を後世に引き継ぐため、自然体験・農体験・古民家伝承行事に関する事業を実施</t>
    <phoneticPr fontId="1"/>
  </si>
  <si>
    <t>海難事故やトラブル等防止の海上保全パトロールと海洋浮遊ごみ回収による海洋環境保全活動</t>
    <phoneticPr fontId="1"/>
  </si>
  <si>
    <t>犯罪や事故・災害に巻き込まれた被害者の方々が抱える悩みの解決や心のケア等を実施</t>
    <phoneticPr fontId="1"/>
  </si>
  <si>
    <t>暴力のない社会を目指して、CAPプログラムやデートDV防止プログラムなどを実施</t>
    <phoneticPr fontId="1"/>
  </si>
  <si>
    <t>性的マイノリティの人々のための健康支援や人権擁護のための社会啓発、HIV/AIDS等性感染症の予防・啓発事業等を実施</t>
    <phoneticPr fontId="1"/>
  </si>
  <si>
    <t>理念は「平和の輸出」。国内で収集した楽器を次代を担う世界の子どもたちに贈り、日本と世界の子どもたちが、音楽を通して理解と友好を深めることを目的に活動しています。</t>
    <phoneticPr fontId="1"/>
  </si>
  <si>
    <t>横浜を中心とする日本とドイツの友好親善を目的に、両国の市民レベルの国際交流を通じ、ドイツの良さを日本に、日本の良さをドイツに伝える活動を行っています。</t>
    <phoneticPr fontId="1"/>
  </si>
  <si>
    <t>市民からの寄付品を「WEショップ」で販売し、その収益でアジアの女性や子どもたちを支援</t>
    <phoneticPr fontId="1"/>
  </si>
  <si>
    <t>飢餓のない世界を目指して、途上国の貧困に苦しむ人々に食糧を届ける</t>
    <phoneticPr fontId="1"/>
  </si>
  <si>
    <t>医療通訳を中心としたコミュニティ通訳の養成と派遣</t>
    <phoneticPr fontId="1"/>
  </si>
  <si>
    <t>アジアの途上国で弱い立場の人々の自立や住民主体の地域づくりを支援</t>
    <phoneticPr fontId="1"/>
  </si>
  <si>
    <t>市民からの寄付品を「WEショップ」で販売し、その収益でアジアの女性や子どもたちを支援</t>
    <phoneticPr fontId="1"/>
  </si>
  <si>
    <t>多文化共生社会をめざして、国際交流事業を推進</t>
    <phoneticPr fontId="1"/>
  </si>
  <si>
    <t>WE21ジャパン・グループ全体の活動を推進し、資源・平和・多文化共生などの政策提言活動、企業・団体・行政などと連携、広報・情報発信を実施</t>
    <phoneticPr fontId="1"/>
  </si>
  <si>
    <t>女性のための国連機関「UN　Women」を支援するために募金活動を展開</t>
    <phoneticPr fontId="1"/>
  </si>
  <si>
    <t>男女がともに輝き、自分らしく生きることのできる「男女共同参画社会」づくりを推進</t>
    <phoneticPr fontId="1"/>
  </si>
  <si>
    <t>全ての子どもたちが、一人ひとり大切に育まれる、慈愛に満ちたまちをつくりたい。私たちは、「一生の思い出に残る人生の1ページ」を、子どもたちと一緒につくっています。</t>
    <phoneticPr fontId="1"/>
  </si>
  <si>
    <t>飢餓で苦しんでいる人たちがいます。一方で、飽食で病的になるくらい肥満している人たちがいます。この矛盾を解決する一助として、私たちは啓蒙、啓発や、支援活動を行っております。</t>
    <phoneticPr fontId="1"/>
  </si>
  <si>
    <t>宇宙や宇宙につながる素材を活用し、「いのちの大切さ」を基盤に子どもたちの心にひそむ「好奇心・冒険心・匠の心」に火を灯し、豊かな未来づくりを目指す活動をしています。</t>
    <phoneticPr fontId="1"/>
  </si>
  <si>
    <t>外国につながる子どもたちの教育を支援し、その子どもたちと周囲の人々がともに生きられる社会を実現するという理念のもと、多角的に事業を展開しています。</t>
    <phoneticPr fontId="1"/>
  </si>
  <si>
    <t>不登校・ひきこもりなどの子ども・若者たちを中心に、誰もが「生きている」ただそれだけで祝福され、学校外の多様な学びや育ちを支援する居場所づくりを目的とする。</t>
    <phoneticPr fontId="1"/>
  </si>
  <si>
    <t>知的障がい児・発達障がい児の小学1年生～高校3年生までを対象にしたサーフィンスクール。神奈川県茅ケ崎市を中心に、北海道、愛知、島根、宮崎で開催しています。</t>
    <phoneticPr fontId="1"/>
  </si>
  <si>
    <t>皆様からの応援の気持ちを「寄付」という形で預かり、子ども関連のNPOに助成</t>
    <phoneticPr fontId="1"/>
  </si>
  <si>
    <t>保育園へのお迎えと夜間保育・学童保育、保育事業起業者への支援</t>
    <phoneticPr fontId="1"/>
  </si>
  <si>
    <t>日本の未来を創る子ども達の夢発見と夢実現を大人たちがサポート</t>
    <phoneticPr fontId="1"/>
  </si>
  <si>
    <t>小・中学生を対象に、科学実験、手作り理科工作、自然観察などの『おもしろ科学体験塾』を開催</t>
    <phoneticPr fontId="1"/>
  </si>
  <si>
    <t>保育室や学童クラブの運営などを通じて子ども達の生活と子育てを支援</t>
    <phoneticPr fontId="1"/>
  </si>
  <si>
    <t>不登校の子どもたちやひきこもりの若者たちを支援するため、居場所や相談、学習サポートなどを提供</t>
    <phoneticPr fontId="1"/>
  </si>
  <si>
    <t>学校に行きたくても行けずに悩んでいる子どもや勉強についていけない子どもたちに、学ぶ場や憩いの場を提供</t>
    <phoneticPr fontId="1"/>
  </si>
  <si>
    <t>虐待その他の理由により行き場のない子どもの緊急避難先や共同生活の場を確保し、子どもたち自身の選択による自立を支援</t>
    <phoneticPr fontId="1"/>
  </si>
  <si>
    <t>放課後児童クラブ（就労支援）や子育て広場等の子育て支援により、地域の共育力を高め、楽しく子育てができる環境作りを目指す。</t>
    <phoneticPr fontId="1"/>
  </si>
  <si>
    <t>「地域で共に育ち合う子育て環境づくり」を目指して、育児支援施設や子育て支援拠点を運営</t>
    <phoneticPr fontId="1"/>
  </si>
  <si>
    <t>週3回月・水・木16時から21時まで子どもの声聴き、気持ちを受けとめる電話事業を行っています。そしてその子どもたちの声を社会発信しています。</t>
    <phoneticPr fontId="1"/>
  </si>
  <si>
    <t>PCスマホ学習教室・シニアライフ講演会・傾聴講座・シニア情報の発信・小学校のPC授業支援・寺子屋事業の運営等でシニアの知恵と経験を生かす場作りを行っています。</t>
    <phoneticPr fontId="1"/>
  </si>
  <si>
    <t>高い技術や経験を有するシニアが集まり、ITを活かして社会に貢献</t>
    <phoneticPr fontId="1"/>
  </si>
  <si>
    <t>DNA鑑定技術の普及・振興を通して社会に貢献</t>
    <phoneticPr fontId="1"/>
  </si>
  <si>
    <t>市民からの寄付金によるファンドで、市民活動に助成金を出して支援</t>
    <phoneticPr fontId="1"/>
  </si>
  <si>
    <t>市民活動の自立と活性化をめざして、鎌倉市市民活動センターを運営</t>
    <phoneticPr fontId="1"/>
  </si>
  <si>
    <t>地域の人が集うひろばや、地場の食と農の交流拠点を運営し、多様な地域活動をバックアップ</t>
    <phoneticPr fontId="1"/>
  </si>
  <si>
    <t>小さな思いをつなぎ未来を拓く　市民活動を支援　</t>
    <phoneticPr fontId="1"/>
  </si>
  <si>
    <t>公益的な活動を行う市民や団体に向けた、交流、連携、育成などの支援活動を展開</t>
    <phoneticPr fontId="1"/>
  </si>
  <si>
    <t>ボランタリー活動発展のため、ボランタリー団体等やその支援機関に対して運営・活動に関する連絡・助言・援助を行う</t>
    <phoneticPr fontId="1"/>
  </si>
  <si>
    <t>横須賀市立市民活動サポートセンターの管理運営やボランティア育成、NPO支援事業を展開</t>
    <phoneticPr fontId="1"/>
  </si>
  <si>
    <t>植物生体電位をはじめ、AM放送波を活用した電離層の乱れ、地震前兆電磁気現象観測等の多方式・多点観測により大地震発生予測の研究、国際学会等での発表を行っています。</t>
    <phoneticPr fontId="1"/>
  </si>
  <si>
    <t>東日本大震災に係る被災者支援や復興支援を行うとともに、平常時から市民参加による災害に強いまちづくりの推進を行う。</t>
    <phoneticPr fontId="1"/>
  </si>
  <si>
    <t>高齢市民が活躍するための社会技術の研究と確立、成果の普及</t>
    <phoneticPr fontId="1"/>
  </si>
  <si>
    <t>国際理解を促進するためのコンサートステージの実施や、被災地や紛争地での心のケア、海外の貧困地域での保健医療サービスの提供</t>
    <phoneticPr fontId="1"/>
  </si>
  <si>
    <t>成年後見制度を必要とする人に対して身上監護を一層大切にした成年後見サービスの提供や、成年後見制度の普及啓発を実施</t>
    <phoneticPr fontId="1"/>
  </si>
  <si>
    <t>子育てが「まちの力」で豊かになる社会を目指し、カフェを核に対話と出番の場をつくり、子育てに関わる人口を増やす取り組みを異分野異業種とのパートナーシップで展開。</t>
    <phoneticPr fontId="1"/>
  </si>
  <si>
    <t>法人の詳細情報は、内閣府ＮＰＯ法人ポータルサイト（https://www.npo-homepage.go.jp/npoportal/）や各法人が作成するホームページで確認してください。</t>
    <rPh sb="0" eb="2">
      <t>ホウジン</t>
    </rPh>
    <rPh sb="3" eb="5">
      <t>ショウサイ</t>
    </rPh>
    <rPh sb="5" eb="7">
      <t>ジョウホウ</t>
    </rPh>
    <rPh sb="9" eb="11">
      <t>ナイカク</t>
    </rPh>
    <rPh sb="11" eb="12">
      <t>フ</t>
    </rPh>
    <rPh sb="15" eb="17">
      <t>ホウジン</t>
    </rPh>
    <phoneticPr fontId="1"/>
  </si>
  <si>
    <t>神奈川県内に主たる事務所を置く認定・特例認定・指定ＮＰＯ法人の一覧</t>
    <rPh sb="0" eb="3">
      <t>カナガワ</t>
    </rPh>
    <rPh sb="3" eb="5">
      <t>ケンナイ</t>
    </rPh>
    <rPh sb="6" eb="7">
      <t>シュ</t>
    </rPh>
    <rPh sb="9" eb="11">
      <t>ジム</t>
    </rPh>
    <rPh sb="11" eb="12">
      <t>ショ</t>
    </rPh>
    <rPh sb="13" eb="14">
      <t>オ</t>
    </rPh>
    <rPh sb="15" eb="17">
      <t>ニンテイ</t>
    </rPh>
    <rPh sb="18" eb="20">
      <t>トクレイ</t>
    </rPh>
    <rPh sb="20" eb="22">
      <t>ニンテイ</t>
    </rPh>
    <rPh sb="23" eb="25">
      <t>シテイ</t>
    </rPh>
    <rPh sb="28" eb="30">
      <t>ホウジン</t>
    </rPh>
    <rPh sb="31" eb="32">
      <t>イチ</t>
    </rPh>
    <rPh sb="32" eb="33">
      <t>ラン</t>
    </rPh>
    <phoneticPr fontId="1"/>
  </si>
  <si>
    <t>http://vos-nippon.jp/</t>
    <phoneticPr fontId="1"/>
  </si>
  <si>
    <t>https://breastcare.jp/</t>
    <phoneticPr fontId="1"/>
  </si>
  <si>
    <t>http://www.cluster.jp/hp/</t>
    <phoneticPr fontId="1"/>
  </si>
  <si>
    <t>https://kamakurahiromachi.org/</t>
    <phoneticPr fontId="1"/>
  </si>
  <si>
    <t>http://we21ebina.web.fc2.com/</t>
    <phoneticPr fontId="1"/>
  </si>
  <si>
    <t>https://www.elna.or.jp/</t>
    <phoneticPr fontId="1"/>
  </si>
  <si>
    <t>http://npo-kama.sakura.ne.jp/uk/</t>
    <phoneticPr fontId="1"/>
  </si>
  <si>
    <t>http://npo-fuji.com/</t>
    <phoneticPr fontId="1"/>
  </si>
  <si>
    <t>http://f-npon.jp/</t>
    <phoneticPr fontId="1"/>
  </si>
  <si>
    <t>https://yugawara-tanpopo.jimdofree.com/</t>
    <phoneticPr fontId="1"/>
  </si>
  <si>
    <t>http://shonanphil.web.fc2.com/</t>
    <phoneticPr fontId="1"/>
  </si>
  <si>
    <t>https://www.choicetheorist.com/</t>
    <phoneticPr fontId="1"/>
  </si>
  <si>
    <t>http://npoey.com/</t>
    <phoneticPr fontId="1"/>
  </si>
  <si>
    <t>http://hopekizuki.sakura.ne.jp/</t>
    <phoneticPr fontId="1"/>
  </si>
  <si>
    <t>http://catnet-kamakura.jp/</t>
    <phoneticPr fontId="1"/>
  </si>
  <si>
    <t>https://jiritu.net/index.html</t>
    <phoneticPr fontId="1"/>
  </si>
  <si>
    <t>http://we21japan.org/npolist/yokosuka.html</t>
    <phoneticPr fontId="1"/>
  </si>
  <si>
    <t>https://cssc4188cs.org/</t>
    <phoneticPr fontId="1"/>
  </si>
  <si>
    <t>https://cfj.childfirst.or.jp/</t>
    <phoneticPr fontId="1"/>
  </si>
  <si>
    <t>https://www.sfs-net.com/</t>
    <phoneticPr fontId="1"/>
  </si>
  <si>
    <t>https://we21fujisawa.web.fc2.com/</t>
    <phoneticPr fontId="1"/>
  </si>
  <si>
    <t>http://yia.jp/</t>
    <phoneticPr fontId="1"/>
  </si>
  <si>
    <t>https://we21japan-hiratsuka.jimdofree.com/</t>
    <phoneticPr fontId="1"/>
  </si>
  <si>
    <t>https://kanagawa311.net/</t>
    <phoneticPr fontId="1"/>
  </si>
  <si>
    <t>https://sapochiga-mirai.com/</t>
    <phoneticPr fontId="1"/>
  </si>
  <si>
    <t>https://www.nagisakai.org/</t>
    <phoneticPr fontId="1"/>
  </si>
  <si>
    <t>http://tiikifukusi.com/</t>
    <phoneticPr fontId="1"/>
  </si>
  <si>
    <t>https://www.hayama-npo.or.jp/</t>
    <phoneticPr fontId="1"/>
  </si>
  <si>
    <t>http://www.odawara-oshiro.org/web/index.html</t>
    <phoneticPr fontId="1"/>
  </si>
  <si>
    <t>https://e-stageone.org/</t>
    <phoneticPr fontId="1"/>
  </si>
  <si>
    <t>http://oceanslove.com/</t>
    <phoneticPr fontId="1"/>
  </si>
  <si>
    <t>https://www.shinchanhouse.com/</t>
    <phoneticPr fontId="1"/>
  </si>
  <si>
    <t>http://www.ogasawara-ryu.gr.jp/NPO/</t>
    <phoneticPr fontId="1"/>
  </si>
  <si>
    <t>https://www.frfc.jp/</t>
    <phoneticPr fontId="1"/>
  </si>
  <si>
    <t>https://machispo-chigasaki.com/</t>
    <phoneticPr fontId="1"/>
  </si>
  <si>
    <t>https://npo-tomtom.com/</t>
    <phoneticPr fontId="1"/>
  </si>
  <si>
    <t>https://seam.jp.net/</t>
    <phoneticPr fontId="1"/>
  </si>
  <si>
    <t>http://www.segamikikin.org/</t>
    <phoneticPr fontId="1"/>
  </si>
  <si>
    <t>http://www.kanagawa-ido.net/index.html</t>
    <phoneticPr fontId="1"/>
  </si>
  <si>
    <t>http://home.r00.itscom.net/access/</t>
    <phoneticPr fontId="1"/>
  </si>
  <si>
    <t>https://npocolumbus.or.jp/</t>
    <phoneticPr fontId="1"/>
  </si>
  <si>
    <t>https://chikyu-gakko.org/</t>
    <phoneticPr fontId="1"/>
  </si>
  <si>
    <t>https://www.npoathome.com/</t>
    <phoneticPr fontId="1"/>
  </si>
  <si>
    <t>https://koganecho.net/</t>
    <phoneticPr fontId="1"/>
  </si>
  <si>
    <t>http://www.netpro.ne.jp/~any/</t>
    <phoneticPr fontId="1"/>
  </si>
  <si>
    <t>http://we21izumi.a.la9.jp/</t>
    <phoneticPr fontId="1"/>
  </si>
  <si>
    <t>http://we21asahi.blog.fc2.com/</t>
    <phoneticPr fontId="1"/>
  </si>
  <si>
    <t>https://www.tsuzuki-koryu.org/</t>
    <phoneticPr fontId="1"/>
  </si>
  <si>
    <t>http://yokohama-mac.blue.coocan.jp/</t>
    <phoneticPr fontId="1"/>
  </si>
  <si>
    <t>https://npo-ek.org/datedv.html</t>
    <phoneticPr fontId="1"/>
  </si>
  <si>
    <t>http://we21hodogaya.cocolog-nifty.com/</t>
    <phoneticPr fontId="1"/>
  </si>
  <si>
    <t>http://www.wcomysol.com/</t>
    <phoneticPr fontId="1"/>
  </si>
  <si>
    <t>http://kiginokai.wp.xdomain.jp/</t>
    <phoneticPr fontId="1"/>
  </si>
  <si>
    <t>https://kotobuki-aruku.jp/</t>
    <phoneticPr fontId="1"/>
  </si>
  <si>
    <t>https://we21kk.org/</t>
    <phoneticPr fontId="1"/>
  </si>
  <si>
    <t>http://yokohama-ido.jp/</t>
    <phoneticPr fontId="1"/>
  </si>
  <si>
    <t>http://we21japan.org/</t>
    <phoneticPr fontId="1"/>
  </si>
  <si>
    <t>http://maioka-koyato.jp/</t>
    <phoneticPr fontId="1"/>
  </si>
  <si>
    <t>https://tankenkobo.com/wp/</t>
    <phoneticPr fontId="1"/>
  </si>
  <si>
    <t>http://www.npo-arbre.jp/</t>
    <phoneticPr fontId="1"/>
  </si>
  <si>
    <t>http://network.shakyo-iy.or.jp/partner/dandan_tree/index.html</t>
    <phoneticPr fontId="1"/>
  </si>
  <si>
    <t>http://ship-web.com/</t>
    <phoneticPr fontId="1"/>
  </si>
  <si>
    <t>https://www.npowakabadai.com/</t>
    <phoneticPr fontId="1"/>
  </si>
  <si>
    <t>https://www.tempo-kanagawa.org/</t>
    <phoneticPr fontId="1"/>
  </si>
  <si>
    <t>https://www.acchicocchi.com/</t>
    <phoneticPr fontId="1"/>
  </si>
  <si>
    <t>http://moomin-asobi.org/</t>
    <phoneticPr fontId="1"/>
  </si>
  <si>
    <t>http://stspot.jp/</t>
    <phoneticPr fontId="1"/>
  </si>
  <si>
    <t>https://we21isogo.jimdofree.com/</t>
    <phoneticPr fontId="1"/>
  </si>
  <si>
    <t>http://www.shienshakikou.jp/</t>
    <phoneticPr fontId="1"/>
  </si>
  <si>
    <t>https://www.arcship.jp/</t>
    <phoneticPr fontId="1"/>
  </si>
  <si>
    <t>https://www.sakuranbo.or.jp/</t>
    <phoneticPr fontId="1"/>
  </si>
  <si>
    <t>https://wayuukai.com/</t>
    <phoneticPr fontId="1"/>
  </si>
  <si>
    <t>https://bi-no.org/</t>
    <phoneticPr fontId="1"/>
  </si>
  <si>
    <t>https://bi-no.org/</t>
    <phoneticPr fontId="1"/>
  </si>
  <si>
    <t>https://www.yokohama-childline.com/</t>
    <phoneticPr fontId="1"/>
  </si>
  <si>
    <t>https://www.keyperson21.org/</t>
    <phoneticPr fontId="1"/>
  </si>
  <si>
    <t>http://actkawasaki.com/</t>
    <phoneticPr fontId="1"/>
  </si>
  <si>
    <t>http://www.grassk.org/</t>
    <phoneticPr fontId="1"/>
  </si>
  <si>
    <t>http://web-asao.jp/yamayuri/ay_supportcenter.html</t>
    <phoneticPr fontId="1"/>
  </si>
  <si>
    <t>http://npoacademy.jp/</t>
    <phoneticPr fontId="1"/>
  </si>
  <si>
    <t>http://www.kks-support.sakura.ne.jp/</t>
    <phoneticPr fontId="1"/>
  </si>
  <si>
    <t>https://www.tamariba.org/</t>
    <phoneticPr fontId="1"/>
  </si>
  <si>
    <t>https://kawasaki-fa.com/</t>
    <phoneticPr fontId="1"/>
  </si>
  <si>
    <t>https://sagamiva.wordpress.com/</t>
    <phoneticPr fontId="1"/>
  </si>
  <si>
    <t>http://wakka0520.holy.jp/</t>
    <phoneticPr fontId="1"/>
  </si>
  <si>
    <t>https://www.snsagami.org/</t>
    <phoneticPr fontId="1"/>
  </si>
  <si>
    <t>https://www.sagami-portal.com/hp/dnt10078/</t>
    <phoneticPr fontId="1"/>
  </si>
  <si>
    <t>http://we21japan-sagamihara.com/</t>
    <phoneticPr fontId="1"/>
  </si>
  <si>
    <t>http://www2.tbb.t-com.ne.jp/tsukushi/</t>
    <phoneticPr fontId="1"/>
  </si>
  <si>
    <t>https://www.msak.jp/</t>
    <phoneticPr fontId="1"/>
  </si>
  <si>
    <t>http://kuruminaoto.org/</t>
    <phoneticPr fontId="1"/>
  </si>
  <si>
    <t>https://care-vehicle.org/</t>
    <phoneticPr fontId="1"/>
  </si>
  <si>
    <t>https://www.pukapuka.or.jp/</t>
    <phoneticPr fontId="1"/>
  </si>
  <si>
    <t>https://www.pukapuka.or.jp/</t>
    <phoneticPr fontId="1"/>
  </si>
  <si>
    <t>https://minicity-plus.jp/</t>
    <phoneticPr fontId="1"/>
  </si>
  <si>
    <t>http://noahweb.sakura.ne.jp/</t>
    <phoneticPr fontId="1"/>
  </si>
  <si>
    <t>http://www.forest-kanagawa.jp/</t>
    <phoneticPr fontId="1"/>
  </si>
  <si>
    <t>https://slt.tanemaki.fun/</t>
    <phoneticPr fontId="1"/>
  </si>
  <si>
    <t>https://www.npo-yamato-fa.org/</t>
    <phoneticPr fontId="1"/>
  </si>
  <si>
    <t>http://forest-1.com/ymsn/</t>
    <phoneticPr fontId="1"/>
  </si>
  <si>
    <t>http://jdgy.sub.jp/</t>
    <phoneticPr fontId="1"/>
  </si>
  <si>
    <t>http://www.weatugi.com/</t>
    <phoneticPr fontId="1"/>
  </si>
  <si>
    <t>https://comachiplus.org/</t>
    <phoneticPr fontId="1"/>
  </si>
  <si>
    <t>http://sagamihara-shiminkaigi.com/</t>
    <phoneticPr fontId="1"/>
  </si>
  <si>
    <t>https://www.npo-komorebi.com/</t>
    <phoneticPr fontId="1"/>
  </si>
  <si>
    <t>https://fujino-satoyama.com/</t>
    <phoneticPr fontId="1"/>
  </si>
  <si>
    <t>https://link-npo.com/</t>
    <phoneticPr fontId="1"/>
  </si>
  <si>
    <t>https://www.ku-ma.or.jp/</t>
    <phoneticPr fontId="1"/>
  </si>
  <si>
    <t>http://www.action-oppama.org/</t>
    <phoneticPr fontId="1"/>
  </si>
  <si>
    <t>https://www.npo-ymca.org/</t>
    <phoneticPr fontId="1"/>
  </si>
  <si>
    <t>https://www.chibikko.org/</t>
    <phoneticPr fontId="1"/>
  </si>
  <si>
    <t>https://triton-fujisawa.org/</t>
    <phoneticPr fontId="1"/>
  </si>
  <si>
    <t>https://naturekids.jp/donors_group/oceanfamily/#camp_search_index</t>
    <phoneticPr fontId="1"/>
  </si>
  <si>
    <t>https://grand-mere.or.jp/</t>
    <phoneticPr fontId="1"/>
  </si>
  <si>
    <t>http://www.karugamo-npo.jp/</t>
    <phoneticPr fontId="1"/>
  </si>
  <si>
    <t>https://kamakura-terakoya.net</t>
    <phoneticPr fontId="1"/>
  </si>
  <si>
    <t>https://www.uapacaa.org/</t>
    <phoneticPr fontId="1"/>
  </si>
  <si>
    <t>https://ja.wfp.org/</t>
    <phoneticPr fontId="1"/>
  </si>
  <si>
    <t>http://www.kodomofund.com/</t>
    <phoneticPr fontId="1"/>
  </si>
  <si>
    <t>http://kanagawa-vsc.or.jp/</t>
    <phoneticPr fontId="1"/>
  </si>
  <si>
    <t>https://mickanagawa.web.fc2.com/</t>
    <phoneticPr fontId="1"/>
  </si>
  <si>
    <t>https://www.kanagawamr.org/</t>
    <phoneticPr fontId="1"/>
  </si>
  <si>
    <t>http://e-tree.jp/</t>
    <phoneticPr fontId="1"/>
  </si>
  <si>
    <t>http://www.dna-kanteigakkai.or.jp/</t>
    <phoneticPr fontId="1"/>
  </si>
  <si>
    <t>http://www.son-kanagawa.com/</t>
    <phoneticPr fontId="1"/>
  </si>
  <si>
    <t>http://www5f.biglobe.ne.jp/~onedayport/</t>
    <phoneticPr fontId="1"/>
  </si>
  <si>
    <t>https://www.smileofkids.jp/index.html</t>
    <phoneticPr fontId="1"/>
  </si>
  <si>
    <t>https://shimin-sector.jp/</t>
    <phoneticPr fontId="1"/>
  </si>
  <si>
    <t>http://www.yumenome.com/</t>
    <phoneticPr fontId="1"/>
  </si>
  <si>
    <t>http://www.jepcoc.jp/</t>
    <phoneticPr fontId="1"/>
  </si>
  <si>
    <t>https://www.nposlow.com/</t>
    <phoneticPr fontId="1"/>
  </si>
  <si>
    <t>https://ad-kana.com/</t>
    <phoneticPr fontId="1"/>
  </si>
  <si>
    <t>http://www.unwomen-nc.jp/</t>
    <phoneticPr fontId="1"/>
  </si>
  <si>
    <t>https://aimec-jp.org/</t>
    <phoneticPr fontId="1"/>
  </si>
  <si>
    <t>http://we21.minibird.jp/</t>
    <phoneticPr fontId="1"/>
  </si>
  <si>
    <t>https://blog.canpan.info/wetuzuki/</t>
    <phoneticPr fontId="1"/>
  </si>
  <si>
    <t>http://we21kanagawa.org/</t>
    <phoneticPr fontId="1"/>
  </si>
  <si>
    <t>http://weshoptakatu.web.fc2.com/</t>
    <phoneticPr fontId="1"/>
  </si>
  <si>
    <t>https://foodbank-shonan.com</t>
    <phoneticPr fontId="1"/>
  </si>
  <si>
    <t>http://kawasaki-sozo.net/</t>
    <phoneticPr fontId="1"/>
  </si>
  <si>
    <t>https://www.yokohama-tubasa.org/index.html</t>
    <phoneticPr fontId="1"/>
  </si>
  <si>
    <t>http://childrenshospice.yokohama</t>
    <phoneticPr fontId="1"/>
  </si>
  <si>
    <t>http://www.cosmosnoie.com</t>
    <phoneticPr fontId="1"/>
  </si>
  <si>
    <t>（なし）</t>
    <phoneticPr fontId="1"/>
  </si>
  <si>
    <t>法人ホームページＵＲＬ</t>
    <rPh sb="0" eb="2">
      <t>ホウジン</t>
    </rPh>
    <phoneticPr fontId="1"/>
  </si>
  <si>
    <t>不登校・ひきこもりなど生きづらさを抱えた子ども・若者の孤立を予防し、個々に応じた自立支援を行っています。</t>
    <phoneticPr fontId="1"/>
  </si>
  <si>
    <t>移動サービスの社会化をすすめ、交通不便な地域の生活交通づくりを支援しています。</t>
    <phoneticPr fontId="1"/>
  </si>
  <si>
    <t>高齢者の外出や障がい児者の通学支援など、移動困難な方々への外出支援サービスを提供しています。</t>
    <phoneticPr fontId="1"/>
  </si>
  <si>
    <t>この一覧表に掲載した法人の地方税法第314条の７第１項第３号の適用については、各市町村の税務担当課に確認してください。</t>
    <rPh sb="2" eb="4">
      <t>イチラン</t>
    </rPh>
    <rPh sb="4" eb="5">
      <t>ヒョウ</t>
    </rPh>
    <rPh sb="6" eb="8">
      <t>ケイサイ</t>
    </rPh>
    <rPh sb="10" eb="12">
      <t>ホウジン</t>
    </rPh>
    <rPh sb="13" eb="16">
      <t>チホウゼイ</t>
    </rPh>
    <rPh sb="16" eb="17">
      <t>ホウ</t>
    </rPh>
    <rPh sb="17" eb="18">
      <t>ダイ</t>
    </rPh>
    <rPh sb="21" eb="22">
      <t>ジョウ</t>
    </rPh>
    <rPh sb="24" eb="25">
      <t>ダイ</t>
    </rPh>
    <rPh sb="26" eb="27">
      <t>コウ</t>
    </rPh>
    <rPh sb="27" eb="28">
      <t>ダイ</t>
    </rPh>
    <rPh sb="29" eb="30">
      <t>ゴウ</t>
    </rPh>
    <rPh sb="31" eb="33">
      <t>テキヨウ</t>
    </rPh>
    <rPh sb="50" eb="52">
      <t>カクニン</t>
    </rPh>
    <phoneticPr fontId="1"/>
  </si>
  <si>
    <t>アジアやアフリカの生物多様性豊かなホットスポットで培ってきた知識・経験や繋がりを基に、それらの地域へ技術的・資金的支援を行い、地球環境を保全する活動を行っています。</t>
    <phoneticPr fontId="1"/>
  </si>
  <si>
    <t>特定非営利活動法人ヴォース・ニッポン</t>
    <rPh sb="0" eb="2">
      <t>トクテイ</t>
    </rPh>
    <rPh sb="2" eb="5">
      <t>ヒエイリ</t>
    </rPh>
    <rPh sb="5" eb="7">
      <t>カツドウ</t>
    </rPh>
    <rPh sb="7" eb="9">
      <t>ホウジン</t>
    </rPh>
    <phoneticPr fontId="1"/>
  </si>
  <si>
    <t>特定非営利活動法人チャイルドファーストジャパン</t>
    <rPh sb="0" eb="2">
      <t>トクテイ</t>
    </rPh>
    <rPh sb="2" eb="5">
      <t>ヒエイリ</t>
    </rPh>
    <rPh sb="5" eb="7">
      <t>カツドウ</t>
    </rPh>
    <rPh sb="7" eb="9">
      <t>ホウジン</t>
    </rPh>
    <phoneticPr fontId="1"/>
  </si>
  <si>
    <t>特定非営利活動法人乳房健康研究会</t>
    <rPh sb="0" eb="2">
      <t>トクテイ</t>
    </rPh>
    <rPh sb="2" eb="5">
      <t>ヒエイリ</t>
    </rPh>
    <rPh sb="5" eb="7">
      <t>カツドウ</t>
    </rPh>
    <rPh sb="7" eb="9">
      <t>ホウジン</t>
    </rPh>
    <rPh sb="9" eb="11">
      <t>チブサ</t>
    </rPh>
    <rPh sb="11" eb="13">
      <t>ケンコウ</t>
    </rPh>
    <rPh sb="13" eb="16">
      <t>ケンキュウカイ</t>
    </rPh>
    <phoneticPr fontId="1"/>
  </si>
  <si>
    <t>特定非営利活動法人産業クラスター研究会</t>
    <rPh sb="0" eb="2">
      <t>トクテイ</t>
    </rPh>
    <rPh sb="2" eb="5">
      <t>ヒエイリ</t>
    </rPh>
    <rPh sb="5" eb="7">
      <t>カツドウ</t>
    </rPh>
    <rPh sb="7" eb="9">
      <t>ホウジン</t>
    </rPh>
    <rPh sb="9" eb="11">
      <t>サンギョウ</t>
    </rPh>
    <rPh sb="16" eb="19">
      <t>ケンキュウカイ</t>
    </rPh>
    <phoneticPr fontId="1"/>
  </si>
  <si>
    <t>特定非営利活動法人鎌倉広町の森市民の会</t>
    <rPh sb="9" eb="11">
      <t>カマクラ</t>
    </rPh>
    <rPh sb="11" eb="13">
      <t>ヒロマチ</t>
    </rPh>
    <rPh sb="14" eb="15">
      <t>モリ</t>
    </rPh>
    <rPh sb="15" eb="17">
      <t>シミン</t>
    </rPh>
    <rPh sb="18" eb="19">
      <t>カイ</t>
    </rPh>
    <phoneticPr fontId="1"/>
  </si>
  <si>
    <t>特定非営利活動法人湘南ふじさわシニアネット</t>
    <rPh sb="0" eb="2">
      <t>トクテイ</t>
    </rPh>
    <rPh sb="2" eb="5">
      <t>ヒエイリ</t>
    </rPh>
    <rPh sb="5" eb="7">
      <t>カツドウ</t>
    </rPh>
    <rPh sb="7" eb="9">
      <t>ホウジン</t>
    </rPh>
    <rPh sb="9" eb="11">
      <t>ショウナン</t>
    </rPh>
    <phoneticPr fontId="1"/>
  </si>
  <si>
    <t>特定非営利活動法人ＷＥ２１ジャパン海老名</t>
    <rPh sb="0" eb="2">
      <t>トクテイ</t>
    </rPh>
    <rPh sb="2" eb="5">
      <t>ヒエイリ</t>
    </rPh>
    <rPh sb="5" eb="7">
      <t>カツドウ</t>
    </rPh>
    <rPh sb="7" eb="9">
      <t>ホウジン</t>
    </rPh>
    <rPh sb="17" eb="20">
      <t>エビナ</t>
    </rPh>
    <phoneticPr fontId="1"/>
  </si>
  <si>
    <t>特定非営利活動法人エバーラスティング・ネイチャー</t>
    <rPh sb="0" eb="2">
      <t>トクテイ</t>
    </rPh>
    <rPh sb="2" eb="5">
      <t>ヒエイリ</t>
    </rPh>
    <rPh sb="5" eb="7">
      <t>カツドウ</t>
    </rPh>
    <rPh sb="7" eb="9">
      <t>ホウジン</t>
    </rPh>
    <phoneticPr fontId="1"/>
  </si>
  <si>
    <t>特定非営利活動法人鎌倉市市民活動センター運営会議</t>
    <rPh sb="0" eb="2">
      <t>トクテイ</t>
    </rPh>
    <rPh sb="2" eb="5">
      <t>ヒエイリ</t>
    </rPh>
    <rPh sb="5" eb="7">
      <t>カツドウ</t>
    </rPh>
    <rPh sb="7" eb="9">
      <t>ホウジン</t>
    </rPh>
    <rPh sb="9" eb="12">
      <t>カマクラシ</t>
    </rPh>
    <rPh sb="12" eb="14">
      <t>シミン</t>
    </rPh>
    <rPh sb="14" eb="16">
      <t>カツドウ</t>
    </rPh>
    <rPh sb="20" eb="22">
      <t>ウンエイ</t>
    </rPh>
    <rPh sb="22" eb="24">
      <t>カイギ</t>
    </rPh>
    <phoneticPr fontId="1"/>
  </si>
  <si>
    <t>ＮＰＯ法人ぐるーぷ藤</t>
    <rPh sb="3" eb="5">
      <t>ホウジン</t>
    </rPh>
    <rPh sb="9" eb="10">
      <t>フジ</t>
    </rPh>
    <phoneticPr fontId="1"/>
  </si>
  <si>
    <t>特定非営利活動法人藤沢市民活動推進機構</t>
    <rPh sb="0" eb="2">
      <t>トクテイ</t>
    </rPh>
    <rPh sb="2" eb="5">
      <t>ヒエイリ</t>
    </rPh>
    <rPh sb="5" eb="7">
      <t>カツドウ</t>
    </rPh>
    <rPh sb="7" eb="9">
      <t>ホウジン</t>
    </rPh>
    <rPh sb="9" eb="12">
      <t>フジサワシ</t>
    </rPh>
    <rPh sb="13" eb="15">
      <t>カツドウ</t>
    </rPh>
    <rPh sb="15" eb="17">
      <t>スイシン</t>
    </rPh>
    <rPh sb="17" eb="19">
      <t>キコウ</t>
    </rPh>
    <phoneticPr fontId="1"/>
  </si>
  <si>
    <t>特定非営利活動法人ＷＥ２１ジャパン藤沢</t>
    <rPh sb="0" eb="2">
      <t>トクテイ</t>
    </rPh>
    <rPh sb="2" eb="5">
      <t>ヒエイリ</t>
    </rPh>
    <rPh sb="5" eb="7">
      <t>カツドウ</t>
    </rPh>
    <rPh sb="7" eb="9">
      <t>ホウジン</t>
    </rPh>
    <rPh sb="17" eb="19">
      <t>フジサワ</t>
    </rPh>
    <phoneticPr fontId="1"/>
  </si>
  <si>
    <t>特定非営利活動法人湯河原町地域作業所たんぽぽ</t>
    <rPh sb="0" eb="2">
      <t>トクテイ</t>
    </rPh>
    <rPh sb="2" eb="5">
      <t>ヒエイリ</t>
    </rPh>
    <rPh sb="5" eb="7">
      <t>カツドウ</t>
    </rPh>
    <rPh sb="7" eb="9">
      <t>ホウジン</t>
    </rPh>
    <rPh sb="9" eb="13">
      <t>ユガワラマチ</t>
    </rPh>
    <rPh sb="13" eb="15">
      <t>チイキ</t>
    </rPh>
    <rPh sb="15" eb="17">
      <t>サギョウ</t>
    </rPh>
    <rPh sb="17" eb="18">
      <t>ショ</t>
    </rPh>
    <phoneticPr fontId="1"/>
  </si>
  <si>
    <t>特定非営利活動法人横須賀国際交流協会</t>
    <rPh sb="0" eb="2">
      <t>トクテイ</t>
    </rPh>
    <rPh sb="2" eb="5">
      <t>ヒエイリ</t>
    </rPh>
    <rPh sb="5" eb="7">
      <t>カツドウ</t>
    </rPh>
    <rPh sb="7" eb="9">
      <t>ホウジン</t>
    </rPh>
    <rPh sb="9" eb="12">
      <t>ヨコスカ</t>
    </rPh>
    <rPh sb="12" eb="14">
      <t>コクサイ</t>
    </rPh>
    <rPh sb="14" eb="16">
      <t>コウリュウ</t>
    </rPh>
    <rPh sb="16" eb="18">
      <t>キョウカイ</t>
    </rPh>
    <phoneticPr fontId="1"/>
  </si>
  <si>
    <t>特定非営利活動法人ＷＥ２１ジャパンひらつか</t>
    <rPh sb="0" eb="2">
      <t>トクテイ</t>
    </rPh>
    <rPh sb="2" eb="5">
      <t>ヒエイリ</t>
    </rPh>
    <rPh sb="5" eb="7">
      <t>カツドウ</t>
    </rPh>
    <rPh sb="7" eb="9">
      <t>ホウジン</t>
    </rPh>
    <phoneticPr fontId="1"/>
  </si>
  <si>
    <t>ＮＰＯ法人湘南フィルハーモニー管弦楽団</t>
    <rPh sb="5" eb="7">
      <t>ショウナン</t>
    </rPh>
    <rPh sb="15" eb="17">
      <t>カンゲン</t>
    </rPh>
    <rPh sb="17" eb="19">
      <t>ガクダン</t>
    </rPh>
    <phoneticPr fontId="1"/>
  </si>
  <si>
    <t>特定非営利活動法人日本リアリティセラピー協会</t>
    <rPh sb="0" eb="2">
      <t>トクテイ</t>
    </rPh>
    <rPh sb="2" eb="5">
      <t>ヒエイリ</t>
    </rPh>
    <rPh sb="5" eb="7">
      <t>カツドウ</t>
    </rPh>
    <rPh sb="7" eb="8">
      <t>ホウ</t>
    </rPh>
    <rPh sb="8" eb="9">
      <t>ジン</t>
    </rPh>
    <phoneticPr fontId="1"/>
  </si>
  <si>
    <t>特定非営利活動法人キャットネットかまくら</t>
    <rPh sb="0" eb="2">
      <t>トクテイ</t>
    </rPh>
    <rPh sb="2" eb="5">
      <t>ヒエイリ</t>
    </rPh>
    <rPh sb="5" eb="7">
      <t>カツドウ</t>
    </rPh>
    <rPh sb="7" eb="8">
      <t>ホウ</t>
    </rPh>
    <rPh sb="8" eb="9">
      <t>ジン</t>
    </rPh>
    <phoneticPr fontId="1"/>
  </si>
  <si>
    <t>特定非営利活動法人高齢市民が活躍するための社会技術研究会</t>
    <rPh sb="0" eb="2">
      <t>トクテイ</t>
    </rPh>
    <rPh sb="2" eb="5">
      <t>ヒエイリ</t>
    </rPh>
    <rPh sb="5" eb="7">
      <t>カツドウ</t>
    </rPh>
    <rPh sb="7" eb="9">
      <t>ホウジン</t>
    </rPh>
    <rPh sb="9" eb="11">
      <t>コウレイ</t>
    </rPh>
    <rPh sb="11" eb="13">
      <t>シミン</t>
    </rPh>
    <rPh sb="14" eb="16">
      <t>カツヤク</t>
    </rPh>
    <rPh sb="21" eb="23">
      <t>シャカイ</t>
    </rPh>
    <rPh sb="23" eb="25">
      <t>ギジュツ</t>
    </rPh>
    <rPh sb="25" eb="27">
      <t>ケンキュウ</t>
    </rPh>
    <rPh sb="27" eb="28">
      <t>カイ</t>
    </rPh>
    <phoneticPr fontId="1"/>
  </si>
  <si>
    <t>特定非営利活動法人ＷＥ２１ジャパンよこすか</t>
    <rPh sb="0" eb="2">
      <t>トクテイ</t>
    </rPh>
    <rPh sb="2" eb="5">
      <t>ヒエイリ</t>
    </rPh>
    <rPh sb="5" eb="7">
      <t>カツドウ</t>
    </rPh>
    <rPh sb="7" eb="9">
      <t>ホウジン</t>
    </rPh>
    <phoneticPr fontId="1"/>
  </si>
  <si>
    <t>特定非営利活動法人アンガージュマン・よこすか</t>
    <rPh sb="0" eb="2">
      <t>トクテイ</t>
    </rPh>
    <rPh sb="2" eb="5">
      <t>ヒエイリ</t>
    </rPh>
    <rPh sb="5" eb="7">
      <t>カツドウ</t>
    </rPh>
    <rPh sb="7" eb="9">
      <t>ホウジン</t>
    </rPh>
    <phoneticPr fontId="1"/>
  </si>
  <si>
    <t>特定非営利活動法人きづき</t>
    <phoneticPr fontId="1"/>
  </si>
  <si>
    <t>特定非営利活動法人化学物質過敏症支援センター</t>
    <rPh sb="9" eb="11">
      <t>カガク</t>
    </rPh>
    <rPh sb="11" eb="13">
      <t>ブッシツ</t>
    </rPh>
    <rPh sb="13" eb="16">
      <t>カビンショウ</t>
    </rPh>
    <rPh sb="16" eb="18">
      <t>シエン</t>
    </rPh>
    <phoneticPr fontId="1"/>
  </si>
  <si>
    <t>特定非営利活動法人ＮＰＯサポートちがさき</t>
    <rPh sb="0" eb="2">
      <t>トクテイ</t>
    </rPh>
    <rPh sb="2" eb="5">
      <t>ヒエイリ</t>
    </rPh>
    <rPh sb="5" eb="7">
      <t>カツドウ</t>
    </rPh>
    <rPh sb="7" eb="9">
      <t>ホウジン</t>
    </rPh>
    <phoneticPr fontId="1"/>
  </si>
  <si>
    <t>特定非営利活動法人小田原なぎさ会</t>
    <phoneticPr fontId="1"/>
  </si>
  <si>
    <t>特定非営利活動法人地域福祉を考える会</t>
    <rPh sb="9" eb="11">
      <t>チイキ</t>
    </rPh>
    <rPh sb="11" eb="13">
      <t>フクシ</t>
    </rPh>
    <rPh sb="14" eb="15">
      <t>カンガ</t>
    </rPh>
    <rPh sb="17" eb="18">
      <t>カイ</t>
    </rPh>
    <phoneticPr fontId="1"/>
  </si>
  <si>
    <t>特定非営利活動法人葉山まちづくり協会</t>
    <phoneticPr fontId="1"/>
  </si>
  <si>
    <t>特定非営利活動法人みんなでお城をつくる会</t>
    <rPh sb="14" eb="15">
      <t>シロ</t>
    </rPh>
    <rPh sb="19" eb="20">
      <t>カイ</t>
    </rPh>
    <phoneticPr fontId="1"/>
  </si>
  <si>
    <t>特定非営利活動法人地球のステージ</t>
    <rPh sb="9" eb="11">
      <t>チキュウ</t>
    </rPh>
    <phoneticPr fontId="1"/>
  </si>
  <si>
    <t>特定非営利活動法人Ｏｃｅａｎ'ｓＬｏｖｅ</t>
    <rPh sb="0" eb="9">
      <t>トク</t>
    </rPh>
    <phoneticPr fontId="1"/>
  </si>
  <si>
    <t>特定非営利活動法人小笠原流・小笠原教場</t>
    <rPh sb="0" eb="2">
      <t>トクテイ</t>
    </rPh>
    <rPh sb="2" eb="5">
      <t>ヒエイリ</t>
    </rPh>
    <rPh sb="5" eb="7">
      <t>カツドウ</t>
    </rPh>
    <rPh sb="7" eb="8">
      <t>ホウ</t>
    </rPh>
    <rPh sb="8" eb="9">
      <t>ジン</t>
    </rPh>
    <rPh sb="9" eb="12">
      <t>オガサワラ</t>
    </rPh>
    <rPh sb="12" eb="13">
      <t>リュウ</t>
    </rPh>
    <rPh sb="14" eb="17">
      <t>オガサワラ</t>
    </rPh>
    <rPh sb="17" eb="19">
      <t>キョウジョウ</t>
    </rPh>
    <phoneticPr fontId="1"/>
  </si>
  <si>
    <t>特定非営利活動法人地域家族しんちゃんハウス</t>
    <rPh sb="9" eb="11">
      <t>チイキ</t>
    </rPh>
    <rPh sb="11" eb="13">
      <t>カゾク</t>
    </rPh>
    <phoneticPr fontId="1"/>
  </si>
  <si>
    <t>特定非営利活動法人藤沢ラグビー蹴球倶楽部</t>
    <rPh sb="9" eb="11">
      <t>フジサワ</t>
    </rPh>
    <rPh sb="15" eb="17">
      <t>シュウキュウ</t>
    </rPh>
    <rPh sb="17" eb="20">
      <t>クラブ</t>
    </rPh>
    <phoneticPr fontId="1"/>
  </si>
  <si>
    <t>特定非営利活動法人まちづくりスポット茅ヶ崎</t>
    <phoneticPr fontId="1"/>
  </si>
  <si>
    <t>特定非営利活動法人東南アジア医療支援機構</t>
    <rPh sb="0" eb="9">
      <t>トク</t>
    </rPh>
    <rPh sb="9" eb="11">
      <t>トウナン</t>
    </rPh>
    <rPh sb="14" eb="16">
      <t>イリョウ</t>
    </rPh>
    <rPh sb="16" eb="18">
      <t>シエン</t>
    </rPh>
    <rPh sb="18" eb="20">
      <t>キコウ</t>
    </rPh>
    <phoneticPr fontId="1"/>
  </si>
  <si>
    <t>特定非営利活動法人オーシャンファミリー</t>
    <rPh sb="0" eb="9">
      <t>トク</t>
    </rPh>
    <phoneticPr fontId="1"/>
  </si>
  <si>
    <t>特定非営利活動法人かながわ森林インストラクターの会</t>
    <rPh sb="0" eb="9">
      <t>トク</t>
    </rPh>
    <rPh sb="13" eb="15">
      <t>シンリン</t>
    </rPh>
    <rPh sb="24" eb="25">
      <t>カイ</t>
    </rPh>
    <phoneticPr fontId="1"/>
  </si>
  <si>
    <t>特定非営利活動法人WE21ジャパン・伊勢原</t>
    <rPh sb="0" eb="9">
      <t>トク</t>
    </rPh>
    <rPh sb="18" eb="21">
      <t>イセハラ</t>
    </rPh>
    <phoneticPr fontId="1"/>
  </si>
  <si>
    <t>特定非営利活動法人鎌倉てらこや</t>
    <rPh sb="0" eb="9">
      <t>トク</t>
    </rPh>
    <rPh sb="9" eb="11">
      <t>カマクラ</t>
    </rPh>
    <phoneticPr fontId="1"/>
  </si>
  <si>
    <t>特定非営利活動法人ＷＥ２１ジャパン厚木</t>
    <phoneticPr fontId="1"/>
  </si>
  <si>
    <t>ＮＰＯ法人ＵＡＰＡＣＡＡ国際保全パートナーズ</t>
    <rPh sb="12" eb="16">
      <t>コクサイホゼン</t>
    </rPh>
    <phoneticPr fontId="1"/>
  </si>
  <si>
    <t>特定非営利活動法人子どものための国際音楽交流協会</t>
    <rPh sb="0" eb="9">
      <t>トクテイヒエイリカツドウホウジン</t>
    </rPh>
    <phoneticPr fontId="1"/>
  </si>
  <si>
    <t>特定非営利活動法人国際連合世界食糧計画ＷＦＰ協会</t>
    <rPh sb="0" eb="2">
      <t>トクテイ</t>
    </rPh>
    <rPh sb="2" eb="5">
      <t>ヒエイリ</t>
    </rPh>
    <rPh sb="5" eb="7">
      <t>カツドウ</t>
    </rPh>
    <rPh sb="7" eb="9">
      <t>ホウジン</t>
    </rPh>
    <rPh sb="9" eb="11">
      <t>コクサイ</t>
    </rPh>
    <rPh sb="11" eb="13">
      <t>レンゴウ</t>
    </rPh>
    <rPh sb="13" eb="15">
      <t>セカイ</t>
    </rPh>
    <rPh sb="15" eb="17">
      <t>ショクリョウ</t>
    </rPh>
    <rPh sb="17" eb="19">
      <t>ケイカク</t>
    </rPh>
    <rPh sb="22" eb="24">
      <t>キョウカイ</t>
    </rPh>
    <phoneticPr fontId="1"/>
  </si>
  <si>
    <t>特定非営利活動法人神奈川子ども未来ファンド</t>
    <rPh sb="0" eb="2">
      <t>トクテイ</t>
    </rPh>
    <rPh sb="2" eb="5">
      <t>ヒエイリ</t>
    </rPh>
    <rPh sb="5" eb="7">
      <t>カツドウ</t>
    </rPh>
    <rPh sb="7" eb="9">
      <t>ホウジン</t>
    </rPh>
    <rPh sb="9" eb="12">
      <t>カナガワ</t>
    </rPh>
    <rPh sb="12" eb="13">
      <t>コ</t>
    </rPh>
    <rPh sb="15" eb="17">
      <t>ミライ</t>
    </rPh>
    <phoneticPr fontId="1"/>
  </si>
  <si>
    <t>特定非営利活動法人神奈川被害者支援センター</t>
    <rPh sb="0" eb="2">
      <t>トクテイ</t>
    </rPh>
    <rPh sb="2" eb="5">
      <t>ヒエイリ</t>
    </rPh>
    <rPh sb="5" eb="7">
      <t>カツドウ</t>
    </rPh>
    <rPh sb="7" eb="9">
      <t>ホウジン</t>
    </rPh>
    <rPh sb="9" eb="12">
      <t>カナガワ</t>
    </rPh>
    <rPh sb="12" eb="15">
      <t>ヒガイシャ</t>
    </rPh>
    <rPh sb="15" eb="17">
      <t>シエン</t>
    </rPh>
    <phoneticPr fontId="1"/>
  </si>
  <si>
    <t>特定非営利活動法人多言語社会リソースかながわ</t>
    <rPh sb="0" eb="2">
      <t>トクテイ</t>
    </rPh>
    <rPh sb="2" eb="5">
      <t>ヒエイリ</t>
    </rPh>
    <rPh sb="5" eb="7">
      <t>カツドウ</t>
    </rPh>
    <rPh sb="7" eb="9">
      <t>ホウジン</t>
    </rPh>
    <rPh sb="9" eb="12">
      <t>タゲンゴ</t>
    </rPh>
    <rPh sb="12" eb="14">
      <t>シャカイ</t>
    </rPh>
    <phoneticPr fontId="1"/>
  </si>
  <si>
    <t>特定非営利活動法人神奈川海難救助隊</t>
    <rPh sb="0" eb="2">
      <t>トクテイ</t>
    </rPh>
    <rPh sb="2" eb="5">
      <t>ヒエイリ</t>
    </rPh>
    <rPh sb="5" eb="7">
      <t>カツドウ</t>
    </rPh>
    <rPh sb="7" eb="9">
      <t>ホウジン</t>
    </rPh>
    <rPh sb="9" eb="12">
      <t>カナガワ</t>
    </rPh>
    <rPh sb="12" eb="14">
      <t>カイナン</t>
    </rPh>
    <rPh sb="14" eb="17">
      <t>キュウジョタイ</t>
    </rPh>
    <phoneticPr fontId="1"/>
  </si>
  <si>
    <t>特定非営利活動法人地球の木</t>
    <rPh sb="0" eb="2">
      <t>トクテイ</t>
    </rPh>
    <rPh sb="2" eb="5">
      <t>ヒエイリ</t>
    </rPh>
    <rPh sb="5" eb="7">
      <t>カツドウ</t>
    </rPh>
    <rPh sb="7" eb="9">
      <t>ホウジン</t>
    </rPh>
    <rPh sb="9" eb="11">
      <t>チキュウ</t>
    </rPh>
    <rPh sb="12" eb="13">
      <t>キ</t>
    </rPh>
    <phoneticPr fontId="1"/>
  </si>
  <si>
    <t>特定非営利活動法人ＤＮＡ鑑定学会</t>
    <rPh sb="0" eb="2">
      <t>トクテイ</t>
    </rPh>
    <rPh sb="2" eb="5">
      <t>ヒエイリ</t>
    </rPh>
    <rPh sb="5" eb="7">
      <t>カツドウ</t>
    </rPh>
    <rPh sb="7" eb="9">
      <t>ホウジン</t>
    </rPh>
    <rPh sb="12" eb="14">
      <t>カンテイ</t>
    </rPh>
    <rPh sb="14" eb="16">
      <t>ガッカイ</t>
    </rPh>
    <phoneticPr fontId="1"/>
  </si>
  <si>
    <t>特定非営利活動法人スペシャルオリンピックス日本・神奈川</t>
    <rPh sb="0" eb="2">
      <t>トクテイ</t>
    </rPh>
    <rPh sb="2" eb="5">
      <t>ヒエイリ</t>
    </rPh>
    <rPh sb="5" eb="7">
      <t>カツドウ</t>
    </rPh>
    <rPh sb="7" eb="9">
      <t>ホウジン</t>
    </rPh>
    <rPh sb="21" eb="23">
      <t>ニッポン</t>
    </rPh>
    <rPh sb="24" eb="27">
      <t>カナガワ</t>
    </rPh>
    <phoneticPr fontId="1"/>
  </si>
  <si>
    <t>特定非営利活動法人ワンデーポート</t>
    <rPh sb="0" eb="2">
      <t>トクテイ</t>
    </rPh>
    <rPh sb="2" eb="5">
      <t>ヒエイリ</t>
    </rPh>
    <rPh sb="5" eb="7">
      <t>カツドウ</t>
    </rPh>
    <rPh sb="7" eb="9">
      <t>ホウジン</t>
    </rPh>
    <phoneticPr fontId="1"/>
  </si>
  <si>
    <t>特定非営利活動法人スマイルオブキッズ</t>
    <rPh sb="0" eb="2">
      <t>トクテイ</t>
    </rPh>
    <rPh sb="2" eb="5">
      <t>ヒエイリ</t>
    </rPh>
    <rPh sb="5" eb="7">
      <t>カツドウ</t>
    </rPh>
    <rPh sb="7" eb="9">
      <t>ホウジン</t>
    </rPh>
    <phoneticPr fontId="1"/>
  </si>
  <si>
    <t>特定非営利活動法人市民セクターよこはま</t>
    <rPh sb="0" eb="2">
      <t>トクテイ</t>
    </rPh>
    <rPh sb="2" eb="5">
      <t>ヒエイリ</t>
    </rPh>
    <rPh sb="5" eb="7">
      <t>カツドウ</t>
    </rPh>
    <rPh sb="7" eb="9">
      <t>ホウジン</t>
    </rPh>
    <rPh sb="9" eb="11">
      <t>シミン</t>
    </rPh>
    <phoneticPr fontId="1"/>
  </si>
  <si>
    <t>特定非営利活動法人かながわ福祉移動サービスネットワーク</t>
    <rPh sb="0" eb="2">
      <t>トクテイ</t>
    </rPh>
    <rPh sb="2" eb="5">
      <t>ヒエイリ</t>
    </rPh>
    <rPh sb="5" eb="7">
      <t>カツドウ</t>
    </rPh>
    <rPh sb="7" eb="9">
      <t>ホウジン</t>
    </rPh>
    <rPh sb="13" eb="15">
      <t>フクシ</t>
    </rPh>
    <rPh sb="15" eb="17">
      <t>イドウ</t>
    </rPh>
    <phoneticPr fontId="1"/>
  </si>
  <si>
    <t>特定非営利活動法人移動サービスアクセス</t>
    <rPh sb="0" eb="2">
      <t>トクテイ</t>
    </rPh>
    <rPh sb="2" eb="5">
      <t>ヒエイリ</t>
    </rPh>
    <rPh sb="5" eb="7">
      <t>カツドウ</t>
    </rPh>
    <rPh sb="7" eb="9">
      <t>ホウジン</t>
    </rPh>
    <rPh sb="9" eb="11">
      <t>イドウ</t>
    </rPh>
    <phoneticPr fontId="1"/>
  </si>
  <si>
    <t>特定非営利活動法人ホタルのふるさと瀬上沢基金</t>
    <rPh sb="0" eb="2">
      <t>トクテイ</t>
    </rPh>
    <rPh sb="2" eb="5">
      <t>ヒエイリ</t>
    </rPh>
    <rPh sb="5" eb="7">
      <t>カツドウ</t>
    </rPh>
    <rPh sb="7" eb="9">
      <t>ホウジン</t>
    </rPh>
    <rPh sb="17" eb="18">
      <t>セ</t>
    </rPh>
    <rPh sb="18" eb="19">
      <t>ウエ</t>
    </rPh>
    <rPh sb="19" eb="20">
      <t>サワ</t>
    </rPh>
    <rPh sb="20" eb="22">
      <t>キキン</t>
    </rPh>
    <phoneticPr fontId="1"/>
  </si>
  <si>
    <t>特定非営利活動法人コロンブスアカデミー</t>
    <rPh sb="0" eb="2">
      <t>トクテイ</t>
    </rPh>
    <rPh sb="2" eb="5">
      <t>ヒエイリ</t>
    </rPh>
    <rPh sb="5" eb="7">
      <t>カツドウ</t>
    </rPh>
    <rPh sb="7" eb="9">
      <t>ホウジン</t>
    </rPh>
    <phoneticPr fontId="1"/>
  </si>
  <si>
    <t>特定非営利活動法人地球学校</t>
    <rPh sb="0" eb="2">
      <t>トクテイ</t>
    </rPh>
    <rPh sb="2" eb="5">
      <t>ヒエイリ</t>
    </rPh>
    <rPh sb="5" eb="7">
      <t>カツドウ</t>
    </rPh>
    <rPh sb="7" eb="9">
      <t>ホウジン</t>
    </rPh>
    <rPh sb="9" eb="11">
      <t>チキュウ</t>
    </rPh>
    <rPh sb="11" eb="13">
      <t>ガッコウ</t>
    </rPh>
    <phoneticPr fontId="1"/>
  </si>
  <si>
    <t>特定非営利活動法人あっとほーむ</t>
    <rPh sb="0" eb="2">
      <t>トクテイ</t>
    </rPh>
    <rPh sb="2" eb="5">
      <t>ヒエイリ</t>
    </rPh>
    <rPh sb="5" eb="7">
      <t>カツドウ</t>
    </rPh>
    <rPh sb="7" eb="9">
      <t>ホウジン</t>
    </rPh>
    <phoneticPr fontId="1"/>
  </si>
  <si>
    <t>特定非営利活動法人黄金町エリアマネジメントセンター</t>
    <phoneticPr fontId="1"/>
  </si>
  <si>
    <t>特定非営利活動法人ＡＩＤＳネットワーク横浜</t>
    <phoneticPr fontId="1"/>
  </si>
  <si>
    <t>特定非営利活動法人ＷＥ２１ジャパンいずみ</t>
    <rPh sb="0" eb="2">
      <t>トクテイ</t>
    </rPh>
    <rPh sb="2" eb="5">
      <t>ヒエイリ</t>
    </rPh>
    <rPh sb="5" eb="7">
      <t>カツドウ</t>
    </rPh>
    <rPh sb="7" eb="9">
      <t>ホウジン</t>
    </rPh>
    <phoneticPr fontId="1"/>
  </si>
  <si>
    <t>特定非営利活動法人ＷＥ２１ジャパン・旭</t>
    <rPh sb="0" eb="2">
      <t>トクテイ</t>
    </rPh>
    <rPh sb="2" eb="5">
      <t>ヒエイリ</t>
    </rPh>
    <rPh sb="5" eb="7">
      <t>カツドウ</t>
    </rPh>
    <rPh sb="7" eb="9">
      <t>ホウジン</t>
    </rPh>
    <rPh sb="18" eb="19">
      <t>アサヒ</t>
    </rPh>
    <phoneticPr fontId="1"/>
  </si>
  <si>
    <t>特定非営利活動法人つづき区民交流協会</t>
    <rPh sb="12" eb="14">
      <t>クミン</t>
    </rPh>
    <rPh sb="14" eb="16">
      <t>コウリュウ</t>
    </rPh>
    <rPh sb="16" eb="18">
      <t>キョウカイ</t>
    </rPh>
    <phoneticPr fontId="1"/>
  </si>
  <si>
    <t>特定非営利活動法人横浜マック</t>
    <rPh sb="0" eb="2">
      <t>トクテイ</t>
    </rPh>
    <rPh sb="2" eb="5">
      <t>ヒエイリ</t>
    </rPh>
    <rPh sb="5" eb="7">
      <t>カツドウ</t>
    </rPh>
    <rPh sb="7" eb="9">
      <t>ホウジン</t>
    </rPh>
    <rPh sb="9" eb="11">
      <t>ヨコハマ</t>
    </rPh>
    <phoneticPr fontId="1"/>
  </si>
  <si>
    <t>特定非営利活動法人ＷＥ２１ジャパン都筑</t>
    <rPh sb="0" eb="2">
      <t>トクテイ</t>
    </rPh>
    <rPh sb="2" eb="5">
      <t>ヒエイリ</t>
    </rPh>
    <rPh sb="5" eb="7">
      <t>カツドウ</t>
    </rPh>
    <rPh sb="7" eb="9">
      <t>ホウジン</t>
    </rPh>
    <rPh sb="17" eb="18">
      <t>ト</t>
    </rPh>
    <rPh sb="18" eb="19">
      <t>チク</t>
    </rPh>
    <phoneticPr fontId="1"/>
  </si>
  <si>
    <t>特定非営利活動法人エンパワメントかながわ</t>
    <rPh sb="0" eb="2">
      <t>トクテイ</t>
    </rPh>
    <rPh sb="2" eb="5">
      <t>ヒエイリ</t>
    </rPh>
    <rPh sb="5" eb="7">
      <t>カツドウ</t>
    </rPh>
    <rPh sb="7" eb="9">
      <t>ホウジン</t>
    </rPh>
    <phoneticPr fontId="1"/>
  </si>
  <si>
    <t>特定非営利活動法人ＷＥ２１ジャパン・ほどがや</t>
    <rPh sb="0" eb="2">
      <t>トクテイ</t>
    </rPh>
    <rPh sb="2" eb="5">
      <t>ヒエイリ</t>
    </rPh>
    <rPh sb="5" eb="7">
      <t>カツドウ</t>
    </rPh>
    <rPh sb="7" eb="9">
      <t>ホウジン</t>
    </rPh>
    <phoneticPr fontId="1"/>
  </si>
  <si>
    <t>特定非営利活動法人ワーカーズ・コレクティブまいそる</t>
    <phoneticPr fontId="1"/>
  </si>
  <si>
    <t>特定非営利活動法人木々の会</t>
    <phoneticPr fontId="1"/>
  </si>
  <si>
    <t>特定非営利活動法人市民の会寿アルク</t>
    <rPh sb="0" eb="2">
      <t>トクテイ</t>
    </rPh>
    <rPh sb="2" eb="5">
      <t>ヒエイリ</t>
    </rPh>
    <rPh sb="5" eb="7">
      <t>カツドウ</t>
    </rPh>
    <rPh sb="7" eb="9">
      <t>ホウジン</t>
    </rPh>
    <rPh sb="9" eb="11">
      <t>シミン</t>
    </rPh>
    <rPh sb="12" eb="13">
      <t>カイ</t>
    </rPh>
    <rPh sb="13" eb="14">
      <t>コトブキ</t>
    </rPh>
    <phoneticPr fontId="1"/>
  </si>
  <si>
    <t>特定非営利活動法人ＷＥ２１ジャパンこうほく</t>
    <rPh sb="0" eb="2">
      <t>トクテイ</t>
    </rPh>
    <rPh sb="2" eb="5">
      <t>ヒエイリ</t>
    </rPh>
    <rPh sb="5" eb="7">
      <t>カツドウ</t>
    </rPh>
    <rPh sb="7" eb="9">
      <t>ホウジン</t>
    </rPh>
    <phoneticPr fontId="1"/>
  </si>
  <si>
    <t>特定非営利活動法人横浜移動サービス協議会</t>
    <phoneticPr fontId="1"/>
  </si>
  <si>
    <t>特定非営利活動法人ＷＥ２１ジャパン</t>
    <rPh sb="0" eb="2">
      <t>トクテイ</t>
    </rPh>
    <rPh sb="2" eb="5">
      <t>ヒエイリ</t>
    </rPh>
    <rPh sb="5" eb="7">
      <t>カツドウ</t>
    </rPh>
    <rPh sb="7" eb="9">
      <t>ホウジン</t>
    </rPh>
    <phoneticPr fontId="1"/>
  </si>
  <si>
    <t>特定非営利活動法人舞岡・やとひと未来</t>
    <rPh sb="9" eb="11">
      <t>マイオカ</t>
    </rPh>
    <rPh sb="16" eb="18">
      <t>ミライ</t>
    </rPh>
    <phoneticPr fontId="1"/>
  </si>
  <si>
    <t>特定非営利活動法人よこはま成年後見つばさ</t>
    <rPh sb="13" eb="15">
      <t>セイネン</t>
    </rPh>
    <rPh sb="15" eb="17">
      <t>コウケン</t>
    </rPh>
    <phoneticPr fontId="1"/>
  </si>
  <si>
    <t>特定非営利活動法人おもしろ科学たんけん工房</t>
    <rPh sb="13" eb="15">
      <t>カガク</t>
    </rPh>
    <rPh sb="19" eb="21">
      <t>コウボウ</t>
    </rPh>
    <phoneticPr fontId="1"/>
  </si>
  <si>
    <t>特定非営利活動法人ワーカーズ・コレクティブ樹</t>
    <rPh sb="0" eb="2">
      <t>トクテイ</t>
    </rPh>
    <rPh sb="2" eb="5">
      <t>ヒエイリ</t>
    </rPh>
    <rPh sb="5" eb="7">
      <t>カツドウ</t>
    </rPh>
    <rPh sb="7" eb="9">
      <t>ホウジン</t>
    </rPh>
    <rPh sb="21" eb="22">
      <t>ジュ</t>
    </rPh>
    <phoneticPr fontId="1"/>
  </si>
  <si>
    <t>特定非営利活動法人だんだんの樹</t>
    <rPh sb="14" eb="15">
      <t>キ</t>
    </rPh>
    <phoneticPr fontId="1"/>
  </si>
  <si>
    <t>特定非営利活動法人ＷＥ２１ジャパンかながわ</t>
    <rPh sb="0" eb="2">
      <t>トクテイ</t>
    </rPh>
    <rPh sb="2" eb="5">
      <t>ヒエイリ</t>
    </rPh>
    <rPh sb="5" eb="7">
      <t>カツドウ</t>
    </rPh>
    <rPh sb="7" eb="9">
      <t>ホウジン</t>
    </rPh>
    <phoneticPr fontId="1"/>
  </si>
  <si>
    <t>特定非営利活動法人ＳＨＩＰ</t>
    <rPh sb="0" eb="2">
      <t>トクテイ</t>
    </rPh>
    <rPh sb="2" eb="5">
      <t>ヒエイリ</t>
    </rPh>
    <rPh sb="5" eb="7">
      <t>カツドウ</t>
    </rPh>
    <rPh sb="7" eb="9">
      <t>ホウジン</t>
    </rPh>
    <phoneticPr fontId="1"/>
  </si>
  <si>
    <t>特定非営利活動法人若葉台</t>
    <rPh sb="0" eb="2">
      <t>トクテイ</t>
    </rPh>
    <rPh sb="2" eb="5">
      <t>ヒエイリ</t>
    </rPh>
    <rPh sb="5" eb="7">
      <t>カツドウ</t>
    </rPh>
    <rPh sb="7" eb="9">
      <t>ホウジン</t>
    </rPh>
    <rPh sb="9" eb="12">
      <t>ワカバダイ</t>
    </rPh>
    <phoneticPr fontId="1"/>
  </si>
  <si>
    <t>特定非営利活動法人子どもセンターてんぽ</t>
    <rPh sb="0" eb="2">
      <t>トクテイ</t>
    </rPh>
    <rPh sb="2" eb="5">
      <t>ヒエイリ</t>
    </rPh>
    <rPh sb="5" eb="7">
      <t>カツドウ</t>
    </rPh>
    <rPh sb="7" eb="9">
      <t>ホウジン</t>
    </rPh>
    <rPh sb="9" eb="10">
      <t>コ</t>
    </rPh>
    <phoneticPr fontId="1"/>
  </si>
  <si>
    <t>ＮＰＯ法人あっちこっち</t>
    <phoneticPr fontId="1"/>
  </si>
  <si>
    <t>特定非営利活動法人ムーミンの会</t>
    <rPh sb="0" eb="9">
      <t>トク</t>
    </rPh>
    <rPh sb="14" eb="15">
      <t>カイ</t>
    </rPh>
    <phoneticPr fontId="1"/>
  </si>
  <si>
    <t>特定非営利活動法人ＳＴスポット横浜</t>
    <rPh sb="15" eb="17">
      <t>ヨコハマ</t>
    </rPh>
    <phoneticPr fontId="1"/>
  </si>
  <si>
    <t>特定非営利活動法人ＷＥ２１ジャパンいそご</t>
    <phoneticPr fontId="1"/>
  </si>
  <si>
    <t>特定非営利活動法人神奈川県就労支援事業者機構</t>
    <rPh sb="0" eb="9">
      <t>トク</t>
    </rPh>
    <rPh sb="9" eb="13">
      <t>カナガワケン</t>
    </rPh>
    <rPh sb="13" eb="15">
      <t>シュウロウ</t>
    </rPh>
    <rPh sb="15" eb="17">
      <t>シエン</t>
    </rPh>
    <rPh sb="17" eb="20">
      <t>ジギョウシャ</t>
    </rPh>
    <rPh sb="20" eb="22">
      <t>キコウ</t>
    </rPh>
    <phoneticPr fontId="1"/>
  </si>
  <si>
    <t>特定非営利活動法人ＡＲＣＳＨＩＰ</t>
    <phoneticPr fontId="1"/>
  </si>
  <si>
    <t>特定非営利活動法人さくらんぼ</t>
    <phoneticPr fontId="1"/>
  </si>
  <si>
    <t>特定非営利活動法人和有会</t>
    <rPh sb="0" eb="2">
      <t>トクテイ</t>
    </rPh>
    <rPh sb="2" eb="5">
      <t>ヒエイリ</t>
    </rPh>
    <rPh sb="5" eb="7">
      <t>カツドウ</t>
    </rPh>
    <rPh sb="7" eb="9">
      <t>ホウジン</t>
    </rPh>
    <rPh sb="9" eb="10">
      <t>カズ</t>
    </rPh>
    <rPh sb="10" eb="11">
      <t>ユウ</t>
    </rPh>
    <rPh sb="11" eb="12">
      <t>カイ</t>
    </rPh>
    <phoneticPr fontId="1"/>
  </si>
  <si>
    <t>ＮＰＯ法人多文化共生教育ネットワークかながわ</t>
    <rPh sb="3" eb="5">
      <t>ホウジン</t>
    </rPh>
    <rPh sb="5" eb="8">
      <t>タブンカ</t>
    </rPh>
    <rPh sb="8" eb="10">
      <t>キョウセイ</t>
    </rPh>
    <rPh sb="10" eb="12">
      <t>キョウイク</t>
    </rPh>
    <phoneticPr fontId="1"/>
  </si>
  <si>
    <t>特定非営利活動法人ワーカーズ・コレクティブオリーブ</t>
    <rPh sb="0" eb="2">
      <t>トクテイ</t>
    </rPh>
    <rPh sb="2" eb="5">
      <t>ヒエイリ</t>
    </rPh>
    <rPh sb="5" eb="7">
      <t>カツドウ</t>
    </rPh>
    <rPh sb="7" eb="9">
      <t>ホウジン</t>
    </rPh>
    <phoneticPr fontId="1"/>
  </si>
  <si>
    <t>特定非営利活動法人こまちぷらす</t>
    <phoneticPr fontId="1"/>
  </si>
  <si>
    <t>特定非営利活動法人よこはまチャイルドライン</t>
    <phoneticPr fontId="1"/>
  </si>
  <si>
    <t>特定非営利活動法人横浜メンタルサービスネットワーク</t>
    <rPh sb="0" eb="2">
      <t>トクテイ</t>
    </rPh>
    <rPh sb="2" eb="5">
      <t>ヒエイリ</t>
    </rPh>
    <rPh sb="5" eb="7">
      <t>カツドウ</t>
    </rPh>
    <rPh sb="7" eb="9">
      <t>ホウジン</t>
    </rPh>
    <rPh sb="9" eb="11">
      <t>ヨコハマ</t>
    </rPh>
    <phoneticPr fontId="1"/>
  </si>
  <si>
    <t>ＮＰＯ法人ミニシティ・プラス</t>
    <rPh sb="3" eb="5">
      <t>ホウジン</t>
    </rPh>
    <phoneticPr fontId="1"/>
  </si>
  <si>
    <t>特定非営利活動法人横浜こどもホスピスプロジェクト</t>
    <phoneticPr fontId="1"/>
  </si>
  <si>
    <t>特定非営利活動法人国連ウイメン日本協会</t>
    <rPh sb="0" eb="2">
      <t>トクテイ</t>
    </rPh>
    <rPh sb="2" eb="5">
      <t>ヒエイリ</t>
    </rPh>
    <rPh sb="5" eb="7">
      <t>カツドウ</t>
    </rPh>
    <rPh sb="7" eb="9">
      <t>ホウジン</t>
    </rPh>
    <rPh sb="9" eb="11">
      <t>コクレン</t>
    </rPh>
    <rPh sb="15" eb="17">
      <t>ニホン</t>
    </rPh>
    <rPh sb="17" eb="19">
      <t>キョウカイ</t>
    </rPh>
    <phoneticPr fontId="1"/>
  </si>
  <si>
    <t>特定非営利活動法人こころの健康を考えるかるがも会</t>
    <phoneticPr fontId="1"/>
  </si>
  <si>
    <t>特定非営利活動法人横浜日独協会</t>
    <phoneticPr fontId="1"/>
  </si>
  <si>
    <t>特定非営利活動法人ミタイ・ミタクニャイ子ども基金</t>
    <phoneticPr fontId="1"/>
  </si>
  <si>
    <t>特定非営利活動法人スローレーベル</t>
    <phoneticPr fontId="1"/>
  </si>
  <si>
    <t>特定非営利活動法人神奈川県転倒予防医学研究会</t>
    <phoneticPr fontId="1"/>
  </si>
  <si>
    <t>特定非営利活動法人いっぱい障がい者地域生活サポート会</t>
    <rPh sb="0" eb="2">
      <t>トクテイ</t>
    </rPh>
    <rPh sb="2" eb="5">
      <t>ヒエイリ</t>
    </rPh>
    <rPh sb="5" eb="7">
      <t>カツドウ</t>
    </rPh>
    <rPh sb="7" eb="9">
      <t>ホウジン</t>
    </rPh>
    <rPh sb="13" eb="14">
      <t>ショウ</t>
    </rPh>
    <rPh sb="16" eb="17">
      <t>シャ</t>
    </rPh>
    <rPh sb="17" eb="19">
      <t>チイキ</t>
    </rPh>
    <rPh sb="19" eb="21">
      <t>セイカツ</t>
    </rPh>
    <rPh sb="25" eb="26">
      <t>ア</t>
    </rPh>
    <phoneticPr fontId="1"/>
  </si>
  <si>
    <t>特定非営利活動法人ＷＥ２１ジャパン・たかつ</t>
    <rPh sb="0" eb="2">
      <t>トクテイ</t>
    </rPh>
    <rPh sb="2" eb="5">
      <t>ヒエイリ</t>
    </rPh>
    <rPh sb="5" eb="7">
      <t>カツドウ</t>
    </rPh>
    <rPh sb="7" eb="9">
      <t>ホウジン</t>
    </rPh>
    <phoneticPr fontId="1"/>
  </si>
  <si>
    <t>特定非営利活動法人キーパーソン２１</t>
    <rPh sb="0" eb="2">
      <t>トクテイ</t>
    </rPh>
    <rPh sb="2" eb="5">
      <t>ヒエイリ</t>
    </rPh>
    <rPh sb="5" eb="7">
      <t>カツドウ</t>
    </rPh>
    <rPh sb="7" eb="9">
      <t>ホウジン</t>
    </rPh>
    <phoneticPr fontId="1"/>
  </si>
  <si>
    <t>特定非営利活動法人アクト川崎</t>
    <rPh sb="0" eb="2">
      <t>トクテイ</t>
    </rPh>
    <rPh sb="2" eb="5">
      <t>ヒエイリ</t>
    </rPh>
    <rPh sb="5" eb="7">
      <t>カツドウ</t>
    </rPh>
    <rPh sb="7" eb="9">
      <t>ホウジン</t>
    </rPh>
    <rPh sb="12" eb="14">
      <t>カワサキ</t>
    </rPh>
    <phoneticPr fontId="1"/>
  </si>
  <si>
    <t>特定非営利活動法人秋桜舎</t>
    <rPh sb="0" eb="2">
      <t>トクテイ</t>
    </rPh>
    <rPh sb="2" eb="5">
      <t>ヒエイリ</t>
    </rPh>
    <rPh sb="5" eb="7">
      <t>カツドウ</t>
    </rPh>
    <rPh sb="7" eb="9">
      <t>ホウジン</t>
    </rPh>
    <rPh sb="9" eb="10">
      <t>アキ</t>
    </rPh>
    <rPh sb="10" eb="11">
      <t>サクラ</t>
    </rPh>
    <rPh sb="11" eb="12">
      <t>シャ</t>
    </rPh>
    <phoneticPr fontId="1"/>
  </si>
  <si>
    <t>特定非営利活動法人ぐらすかわさき</t>
    <rPh sb="0" eb="2">
      <t>トクテイ</t>
    </rPh>
    <rPh sb="2" eb="5">
      <t>ヒエイリ</t>
    </rPh>
    <rPh sb="5" eb="7">
      <t>カツドウ</t>
    </rPh>
    <rPh sb="7" eb="9">
      <t>ホウジン</t>
    </rPh>
    <phoneticPr fontId="1"/>
  </si>
  <si>
    <t>特定非営利活動法人あさお市民活動サポートセンター</t>
    <rPh sb="0" eb="2">
      <t>トクテイ</t>
    </rPh>
    <rPh sb="2" eb="5">
      <t>ヒエイリ</t>
    </rPh>
    <rPh sb="5" eb="7">
      <t>カツドウ</t>
    </rPh>
    <rPh sb="7" eb="9">
      <t>ホウジン</t>
    </rPh>
    <rPh sb="12" eb="14">
      <t>シミン</t>
    </rPh>
    <rPh sb="14" eb="16">
      <t>カツドウ</t>
    </rPh>
    <phoneticPr fontId="1"/>
  </si>
  <si>
    <t>特定非営利活動法人かわさき市民アカデミー</t>
    <rPh sb="0" eb="2">
      <t>トクテイ</t>
    </rPh>
    <rPh sb="2" eb="5">
      <t>ヒエイリ</t>
    </rPh>
    <rPh sb="5" eb="7">
      <t>カツドウ</t>
    </rPh>
    <rPh sb="7" eb="9">
      <t>ホウジン</t>
    </rPh>
    <rPh sb="13" eb="15">
      <t>シミン</t>
    </rPh>
    <phoneticPr fontId="1"/>
  </si>
  <si>
    <t>特定非営利活動法人かわさき創造プロジェクト</t>
    <rPh sb="0" eb="2">
      <t>トクテイ</t>
    </rPh>
    <rPh sb="2" eb="5">
      <t>ヒエイリ</t>
    </rPh>
    <rPh sb="5" eb="7">
      <t>カツドウ</t>
    </rPh>
    <rPh sb="7" eb="9">
      <t>ホウジン</t>
    </rPh>
    <phoneticPr fontId="1"/>
  </si>
  <si>
    <t>特定非営利活動法人教育活動総合サポートセンター</t>
    <rPh sb="9" eb="11">
      <t>キョウイク</t>
    </rPh>
    <rPh sb="11" eb="13">
      <t>カツドウ</t>
    </rPh>
    <rPh sb="13" eb="15">
      <t>ソウゴウ</t>
    </rPh>
    <phoneticPr fontId="1"/>
  </si>
  <si>
    <t>特定非営利活動法人フリースペースたまりば</t>
    <phoneticPr fontId="1"/>
  </si>
  <si>
    <t>特定非営利活動法人川崎市サッカー協会</t>
    <rPh sb="9" eb="12">
      <t>カワサキシ</t>
    </rPh>
    <rPh sb="16" eb="18">
      <t>キョウカイ</t>
    </rPh>
    <phoneticPr fontId="1"/>
  </si>
  <si>
    <t>ＮＰＯ法人くるみ－来未</t>
    <rPh sb="3" eb="5">
      <t>ホウジン</t>
    </rPh>
    <rPh sb="9" eb="10">
      <t>ライ</t>
    </rPh>
    <rPh sb="10" eb="11">
      <t>ミ</t>
    </rPh>
    <phoneticPr fontId="1"/>
  </si>
  <si>
    <t>NPO法人すずの会</t>
    <rPh sb="3" eb="5">
      <t>ホウジン</t>
    </rPh>
    <rPh sb="8" eb="9">
      <t>ア</t>
    </rPh>
    <phoneticPr fontId="1"/>
  </si>
  <si>
    <t>特定非営利活動法人市民ファンドゆめの芽</t>
    <rPh sb="0" eb="2">
      <t>トクテイ</t>
    </rPh>
    <rPh sb="2" eb="5">
      <t>ヒエイリ</t>
    </rPh>
    <rPh sb="5" eb="7">
      <t>カツドウ</t>
    </rPh>
    <rPh sb="7" eb="9">
      <t>ホウジン</t>
    </rPh>
    <rPh sb="9" eb="11">
      <t>シミン</t>
    </rPh>
    <rPh sb="18" eb="19">
      <t>メ</t>
    </rPh>
    <phoneticPr fontId="1"/>
  </si>
  <si>
    <t>特定非営利活動法人相模原ボランティア協会</t>
    <rPh sb="0" eb="2">
      <t>トクテイ</t>
    </rPh>
    <rPh sb="2" eb="5">
      <t>ヒエイリ</t>
    </rPh>
    <rPh sb="5" eb="7">
      <t>カツドウ</t>
    </rPh>
    <rPh sb="7" eb="9">
      <t>ホウジン</t>
    </rPh>
    <rPh sb="9" eb="12">
      <t>サガミハラ</t>
    </rPh>
    <rPh sb="18" eb="20">
      <t>キョウカイ</t>
    </rPh>
    <phoneticPr fontId="1"/>
  </si>
  <si>
    <t>特定非営利活動法人男女共同参画さがみはら</t>
    <rPh sb="9" eb="11">
      <t>ダンジョ</t>
    </rPh>
    <rPh sb="11" eb="13">
      <t>キョウドウ</t>
    </rPh>
    <rPh sb="13" eb="15">
      <t>サンカク</t>
    </rPh>
    <phoneticPr fontId="1"/>
  </si>
  <si>
    <t>特定非営利活動法人ＷＥ２１ジャパン相模原</t>
    <rPh sb="0" eb="2">
      <t>トクテイ</t>
    </rPh>
    <rPh sb="2" eb="5">
      <t>ヒエイリ</t>
    </rPh>
    <rPh sb="5" eb="7">
      <t>カツドウ</t>
    </rPh>
    <rPh sb="7" eb="9">
      <t>ホウジン</t>
    </rPh>
    <rPh sb="17" eb="20">
      <t>サガミハラ</t>
    </rPh>
    <phoneticPr fontId="1"/>
  </si>
  <si>
    <t>特定非営利活動法人福祉協会しろやま</t>
    <rPh sb="9" eb="11">
      <t>フクシ</t>
    </rPh>
    <rPh sb="11" eb="13">
      <t>キョウカイ</t>
    </rPh>
    <phoneticPr fontId="1"/>
  </si>
  <si>
    <t>特定非営利活動法人神奈川県メンタルヘルスサポート協会</t>
    <rPh sb="9" eb="13">
      <t>カナガワケン</t>
    </rPh>
    <rPh sb="24" eb="26">
      <t>キョウカイ</t>
    </rPh>
    <phoneticPr fontId="1"/>
  </si>
  <si>
    <t>特定非営利活動法人環境防災技術研究所</t>
    <rPh sb="9" eb="11">
      <t>カンキョウ</t>
    </rPh>
    <rPh sb="11" eb="13">
      <t>ボウサイ</t>
    </rPh>
    <rPh sb="13" eb="15">
      <t>ギジュツ</t>
    </rPh>
    <rPh sb="15" eb="18">
      <t>ケンキュウショ</t>
    </rPh>
    <phoneticPr fontId="1"/>
  </si>
  <si>
    <t>特定非営利活動法人Ｌｉｎｋ・マネジメント</t>
    <phoneticPr fontId="1"/>
  </si>
  <si>
    <t>特定非営利活動法人ワーカーズ・コレクティブわっか</t>
    <rPh sb="0" eb="2">
      <t>トクテイ</t>
    </rPh>
    <rPh sb="2" eb="5">
      <t>ヒエイリ</t>
    </rPh>
    <rPh sb="5" eb="7">
      <t>カツドウ</t>
    </rPh>
    <rPh sb="7" eb="9">
      <t>ホウジン</t>
    </rPh>
    <phoneticPr fontId="1"/>
  </si>
  <si>
    <t>特定非営利活動法人シニアネット相模原</t>
    <rPh sb="0" eb="2">
      <t>トクテイ</t>
    </rPh>
    <rPh sb="2" eb="5">
      <t>ヒエイリ</t>
    </rPh>
    <rPh sb="5" eb="7">
      <t>カツドウ</t>
    </rPh>
    <rPh sb="7" eb="9">
      <t>ホウジン</t>
    </rPh>
    <phoneticPr fontId="1"/>
  </si>
  <si>
    <t>特定非営利活動法人子ども・宇宙・未来の会</t>
    <rPh sb="0" eb="9">
      <t>トク</t>
    </rPh>
    <rPh sb="9" eb="10">
      <t>コ</t>
    </rPh>
    <rPh sb="13" eb="15">
      <t>ウチュウ</t>
    </rPh>
    <rPh sb="16" eb="18">
      <t>ミライ</t>
    </rPh>
    <rPh sb="19" eb="20">
      <t>カイ</t>
    </rPh>
    <phoneticPr fontId="1"/>
  </si>
  <si>
    <t>ＮＰＯ法人飢餓と飽食を考える会</t>
    <rPh sb="5" eb="7">
      <t>キガ</t>
    </rPh>
    <rPh sb="8" eb="10">
      <t>ホウショク</t>
    </rPh>
    <rPh sb="11" eb="12">
      <t>カンガ</t>
    </rPh>
    <rPh sb="14" eb="15">
      <t>カイ</t>
    </rPh>
    <phoneticPr fontId="1"/>
  </si>
  <si>
    <t>特定非営利活動法人love.futbol japan</t>
    <phoneticPr fontId="1"/>
  </si>
  <si>
    <t>ＮＰＯ法人子ども支援センターつなっぐ</t>
    <rPh sb="5" eb="6">
      <t>コ</t>
    </rPh>
    <rPh sb="8" eb="10">
      <t>シエン</t>
    </rPh>
    <phoneticPr fontId="1"/>
  </si>
  <si>
    <t>特定非営利活動法人アドバイザーネットワーク神奈川</t>
    <phoneticPr fontId="1"/>
  </si>
  <si>
    <t>特定非営利活動法人たすけあいあさひ</t>
    <phoneticPr fontId="1"/>
  </si>
  <si>
    <t>ＮＰＯ法人スローライフ障害者地域活動支援センター</t>
    <phoneticPr fontId="1"/>
  </si>
  <si>
    <t>特定非営利活動法人ワーカーズ・コレクティブ　ケアびーくる</t>
    <phoneticPr fontId="1"/>
  </si>
  <si>
    <t>ＮＰＯ法人ぷかぷか</t>
    <rPh sb="3" eb="5">
      <t>ホウジン</t>
    </rPh>
    <phoneticPr fontId="1"/>
  </si>
  <si>
    <t>特定非営利活動法人シニアライフセラピー研究所</t>
    <rPh sb="0" eb="9">
      <t>トク</t>
    </rPh>
    <rPh sb="19" eb="22">
      <t>ケンキュウジョ</t>
    </rPh>
    <phoneticPr fontId="1"/>
  </si>
  <si>
    <t>特定非営利活動法人大和市サッカー協会</t>
    <rPh sb="0" eb="9">
      <t>トク</t>
    </rPh>
    <rPh sb="9" eb="12">
      <t>ヤマトシ</t>
    </rPh>
    <rPh sb="16" eb="18">
      <t>キョウカイ</t>
    </rPh>
    <phoneticPr fontId="1"/>
  </si>
  <si>
    <t>特定非営利活動法人ｇｒａｎｄ－ｍｅｒｅ</t>
    <phoneticPr fontId="1"/>
  </si>
  <si>
    <t>特定非営利活動法人フードバンク湘南</t>
    <rPh sb="15" eb="17">
      <t>ショウナン</t>
    </rPh>
    <phoneticPr fontId="1"/>
  </si>
  <si>
    <t>特定非営利活動法人アイ・アム</t>
    <rPh sb="0" eb="2">
      <t>トクテイ</t>
    </rPh>
    <rPh sb="2" eb="5">
      <t>ヒエイリ</t>
    </rPh>
    <rPh sb="5" eb="7">
      <t>カツドウ</t>
    </rPh>
    <rPh sb="7" eb="9">
      <t>ホウジン</t>
    </rPh>
    <phoneticPr fontId="1"/>
  </si>
  <si>
    <t>特定非営利活動法人さざなみ会</t>
    <rPh sb="0" eb="2">
      <t>トクテイ</t>
    </rPh>
    <rPh sb="2" eb="5">
      <t>ヒエイリ</t>
    </rPh>
    <rPh sb="5" eb="7">
      <t>カツドウ</t>
    </rPh>
    <rPh sb="7" eb="9">
      <t>ホウジン</t>
    </rPh>
    <rPh sb="13" eb="14">
      <t>カイ</t>
    </rPh>
    <phoneticPr fontId="1"/>
  </si>
  <si>
    <t>特定非営利活動法人おれんじハウス</t>
    <rPh sb="0" eb="2">
      <t>トクテイ</t>
    </rPh>
    <rPh sb="2" eb="5">
      <t>ヒエイリ</t>
    </rPh>
    <rPh sb="5" eb="7">
      <t>カツドウ</t>
    </rPh>
    <rPh sb="7" eb="9">
      <t>ホウジン</t>
    </rPh>
    <phoneticPr fontId="1"/>
  </si>
  <si>
    <t>特定非営利活動法人ＮＰＯレインボー</t>
    <rPh sb="0" eb="2">
      <t>トクテイ</t>
    </rPh>
    <rPh sb="2" eb="5">
      <t>ヒエイリ</t>
    </rPh>
    <rPh sb="5" eb="7">
      <t>カツドウ</t>
    </rPh>
    <rPh sb="7" eb="9">
      <t>ホウジン</t>
    </rPh>
    <phoneticPr fontId="1"/>
  </si>
  <si>
    <t>特定非営利活動法人さがみはら市民会議</t>
    <rPh sb="0" eb="2">
      <t>トクテイ</t>
    </rPh>
    <rPh sb="2" eb="5">
      <t>ヒエイリ</t>
    </rPh>
    <rPh sb="5" eb="7">
      <t>カツドウ</t>
    </rPh>
    <rPh sb="7" eb="9">
      <t>ホウジン</t>
    </rPh>
    <rPh sb="14" eb="16">
      <t>シミン</t>
    </rPh>
    <rPh sb="16" eb="18">
      <t>カイギ</t>
    </rPh>
    <phoneticPr fontId="1"/>
  </si>
  <si>
    <t>特定非営利活動法人湘北福祉会やまのべ</t>
    <phoneticPr fontId="1"/>
  </si>
  <si>
    <t>特定非営利活動法人相模原こもれび</t>
    <rPh sb="0" eb="2">
      <t>トクテイ</t>
    </rPh>
    <rPh sb="2" eb="5">
      <t>ヒエイリ</t>
    </rPh>
    <rPh sb="5" eb="7">
      <t>カツドウ</t>
    </rPh>
    <rPh sb="7" eb="9">
      <t>ホウジン</t>
    </rPh>
    <rPh sb="9" eb="12">
      <t>サガミハラ</t>
    </rPh>
    <phoneticPr fontId="1"/>
  </si>
  <si>
    <t>特定非営利活動法人竹の子作業所</t>
    <rPh sb="0" eb="2">
      <t>トクテイ</t>
    </rPh>
    <rPh sb="2" eb="5">
      <t>ヒエイリ</t>
    </rPh>
    <rPh sb="5" eb="7">
      <t>カツドウ</t>
    </rPh>
    <rPh sb="7" eb="9">
      <t>ホウジン</t>
    </rPh>
    <rPh sb="9" eb="10">
      <t>タケ</t>
    </rPh>
    <rPh sb="11" eb="12">
      <t>コ</t>
    </rPh>
    <rPh sb="12" eb="14">
      <t>サギョウ</t>
    </rPh>
    <rPh sb="14" eb="15">
      <t>ショ</t>
    </rPh>
    <phoneticPr fontId="1"/>
  </si>
  <si>
    <t>特定非営利活動法人ふじの里山くらぶ</t>
    <phoneticPr fontId="1"/>
  </si>
  <si>
    <t xml:space="preserve">特定非営利活動法人アクションおっぱま
</t>
    <rPh sb="0" eb="2">
      <t>トクテイ</t>
    </rPh>
    <rPh sb="2" eb="5">
      <t>ヒエイリ</t>
    </rPh>
    <rPh sb="5" eb="7">
      <t>カツドウ</t>
    </rPh>
    <rPh sb="7" eb="9">
      <t>ホウジン</t>
    </rPh>
    <phoneticPr fontId="1"/>
  </si>
  <si>
    <t>特定非営利活動法人ＹＭＣＡコミュニティサポート</t>
    <rPh sb="0" eb="2">
      <t>トクテイ</t>
    </rPh>
    <rPh sb="2" eb="5">
      <t>ヒエイリ</t>
    </rPh>
    <rPh sb="5" eb="7">
      <t>カツドウ</t>
    </rPh>
    <rPh sb="7" eb="9">
      <t>ホウジン</t>
    </rPh>
    <phoneticPr fontId="1"/>
  </si>
  <si>
    <t>ＮＰＯ法人幼児武道教育振興会</t>
    <rPh sb="3" eb="5">
      <t>ホウジン</t>
    </rPh>
    <rPh sb="5" eb="7">
      <t>ヨウジ</t>
    </rPh>
    <rPh sb="7" eb="9">
      <t>ブドウ</t>
    </rPh>
    <rPh sb="9" eb="11">
      <t>キョウイク</t>
    </rPh>
    <rPh sb="11" eb="14">
      <t>シンコウカイ</t>
    </rPh>
    <phoneticPr fontId="1"/>
  </si>
  <si>
    <t>特定非営利活動法人トリトン藤沢スポーツクラブ</t>
    <rPh sb="0" eb="9">
      <t>トク</t>
    </rPh>
    <rPh sb="13" eb="15">
      <t>フジサワ</t>
    </rPh>
    <phoneticPr fontId="1"/>
  </si>
  <si>
    <t>特定非営利活動法人なんとかなる</t>
    <rPh sb="0" eb="2">
      <t>トクテイ</t>
    </rPh>
    <rPh sb="2" eb="5">
      <t>ヒエイリ</t>
    </rPh>
    <rPh sb="5" eb="7">
      <t>カツドウ</t>
    </rPh>
    <rPh sb="7" eb="9">
      <t>ホウジン</t>
    </rPh>
    <phoneticPr fontId="1"/>
  </si>
  <si>
    <t>認定(県)</t>
    <rPh sb="0" eb="2">
      <t>ニンテイ</t>
    </rPh>
    <rPh sb="3" eb="4">
      <t>ケン</t>
    </rPh>
    <phoneticPr fontId="1"/>
  </si>
  <si>
    <t>横浜市指定</t>
    <rPh sb="0" eb="3">
      <t>ヨコハマシ</t>
    </rPh>
    <rPh sb="3" eb="5">
      <t>シテイ</t>
    </rPh>
    <phoneticPr fontId="1"/>
  </si>
  <si>
    <t>川崎市指定</t>
    <rPh sb="0" eb="3">
      <t>カワサキシ</t>
    </rPh>
    <rPh sb="3" eb="5">
      <t>シテイ</t>
    </rPh>
    <phoneticPr fontId="1"/>
  </si>
  <si>
    <t>相模原市指定</t>
    <rPh sb="0" eb="3">
      <t>サガミハラ</t>
    </rPh>
    <rPh sb="3" eb="4">
      <t>シ</t>
    </rPh>
    <rPh sb="4" eb="6">
      <t>シテイ</t>
    </rPh>
    <phoneticPr fontId="1"/>
  </si>
  <si>
    <t>横須賀市指定</t>
    <rPh sb="0" eb="3">
      <t>ヨコスカ</t>
    </rPh>
    <rPh sb="3" eb="4">
      <t>シ</t>
    </rPh>
    <rPh sb="4" eb="6">
      <t>シテイ</t>
    </rPh>
    <phoneticPr fontId="1"/>
  </si>
  <si>
    <t>藤沢市指定</t>
    <rPh sb="0" eb="3">
      <t>フジサワシ</t>
    </rPh>
    <rPh sb="3" eb="5">
      <t>シテイ</t>
    </rPh>
    <phoneticPr fontId="1"/>
  </si>
  <si>
    <t>平塚市指定</t>
    <rPh sb="0" eb="3">
      <t>ヒラツカシ</t>
    </rPh>
    <rPh sb="3" eb="5">
      <t>シテイ</t>
    </rPh>
    <phoneticPr fontId="1"/>
  </si>
  <si>
    <t>大和市指定</t>
    <rPh sb="0" eb="3">
      <t>ヤマトシ</t>
    </rPh>
    <rPh sb="3" eb="5">
      <t>シテイ</t>
    </rPh>
    <phoneticPr fontId="1"/>
  </si>
  <si>
    <t>鎌倉市指定</t>
    <rPh sb="0" eb="3">
      <t>カマクラシ</t>
    </rPh>
    <rPh sb="3" eb="5">
      <t>シテイ</t>
    </rPh>
    <phoneticPr fontId="1"/>
  </si>
  <si>
    <t>南足柄市指定</t>
    <rPh sb="0" eb="1">
      <t>ミナミ</t>
    </rPh>
    <rPh sb="1" eb="3">
      <t>アシガラ</t>
    </rPh>
    <rPh sb="3" eb="4">
      <t>シ</t>
    </rPh>
    <rPh sb="4" eb="6">
      <t>シテイ</t>
    </rPh>
    <phoneticPr fontId="1"/>
  </si>
  <si>
    <t>厚木市指定</t>
    <rPh sb="0" eb="3">
      <t>アツギシ</t>
    </rPh>
    <rPh sb="3" eb="5">
      <t>シテイ</t>
    </rPh>
    <phoneticPr fontId="1"/>
  </si>
  <si>
    <t>伊勢原市指定</t>
    <rPh sb="0" eb="3">
      <t>イセハラ</t>
    </rPh>
    <rPh sb="3" eb="4">
      <t>シ</t>
    </rPh>
    <rPh sb="4" eb="6">
      <t>シテイ</t>
    </rPh>
    <phoneticPr fontId="1"/>
  </si>
  <si>
    <t>茅ヶ崎市指定</t>
    <rPh sb="0" eb="3">
      <t>チガサキ</t>
    </rPh>
    <rPh sb="3" eb="4">
      <t>シ</t>
    </rPh>
    <rPh sb="4" eb="6">
      <t>シテイ</t>
    </rPh>
    <phoneticPr fontId="1"/>
  </si>
  <si>
    <t>寒川町指定</t>
    <rPh sb="0" eb="3">
      <t>サムカワマチ</t>
    </rPh>
    <rPh sb="3" eb="5">
      <t>シテイ</t>
    </rPh>
    <phoneticPr fontId="1"/>
  </si>
  <si>
    <t>小田原市指定</t>
    <rPh sb="0" eb="3">
      <t>オダワラ</t>
    </rPh>
    <rPh sb="3" eb="4">
      <t>シ</t>
    </rPh>
    <rPh sb="4" eb="6">
      <t>シテイ</t>
    </rPh>
    <phoneticPr fontId="1"/>
  </si>
  <si>
    <t>座間市指定</t>
    <rPh sb="0" eb="3">
      <t>ザマシ</t>
    </rPh>
    <rPh sb="3" eb="5">
      <t>シテイ</t>
    </rPh>
    <phoneticPr fontId="1"/>
  </si>
  <si>
    <t>湯河原町指定</t>
    <rPh sb="0" eb="3">
      <t>ユガワラ</t>
    </rPh>
    <rPh sb="3" eb="4">
      <t>マチ</t>
    </rPh>
    <rPh sb="4" eb="6">
      <t>シテイ</t>
    </rPh>
    <phoneticPr fontId="1"/>
  </si>
  <si>
    <t>海老名市指定</t>
    <rPh sb="0" eb="3">
      <t>エビナ</t>
    </rPh>
    <rPh sb="3" eb="4">
      <t>シ</t>
    </rPh>
    <rPh sb="4" eb="6">
      <t>シテイ</t>
    </rPh>
    <phoneticPr fontId="1"/>
  </si>
  <si>
    <t>この一覧表での「県指定」法人は、県（ＮＰＯ協働推進課）から地方税法第37条の２第１項第４号の指定を受けた法人を記載しています。</t>
    <rPh sb="2" eb="4">
      <t>イチラン</t>
    </rPh>
    <rPh sb="4" eb="5">
      <t>ヒョウ</t>
    </rPh>
    <rPh sb="8" eb="9">
      <t>ケン</t>
    </rPh>
    <rPh sb="9" eb="11">
      <t>シテイ</t>
    </rPh>
    <rPh sb="12" eb="14">
      <t>ホウジン</t>
    </rPh>
    <rPh sb="16" eb="17">
      <t>ケン</t>
    </rPh>
    <rPh sb="21" eb="26">
      <t>キョウドウスイシンカ</t>
    </rPh>
    <rPh sb="29" eb="32">
      <t>チホウゼイ</t>
    </rPh>
    <rPh sb="32" eb="33">
      <t>ホウ</t>
    </rPh>
    <rPh sb="33" eb="34">
      <t>ダイ</t>
    </rPh>
    <rPh sb="36" eb="37">
      <t>ジョウ</t>
    </rPh>
    <rPh sb="39" eb="40">
      <t>ダイ</t>
    </rPh>
    <rPh sb="41" eb="42">
      <t>コウ</t>
    </rPh>
    <rPh sb="42" eb="43">
      <t>ダイ</t>
    </rPh>
    <rPh sb="44" eb="45">
      <t>ゴウ</t>
    </rPh>
    <rPh sb="46" eb="48">
      <t>シテイ</t>
    </rPh>
    <rPh sb="49" eb="50">
      <t>ウ</t>
    </rPh>
    <rPh sb="52" eb="54">
      <t>ホウジン</t>
    </rPh>
    <rPh sb="55" eb="57">
      <t>キサイ</t>
    </rPh>
    <phoneticPr fontId="1"/>
  </si>
  <si>
    <t>この一覧表での「市町村指定」法人は、市町村（ＮＰＯ担当課）から地方税法第314条の７第１項第４号の指定を受けた法人を記載しています。</t>
    <rPh sb="2" eb="4">
      <t>イチラン</t>
    </rPh>
    <rPh sb="4" eb="5">
      <t>ヒョウ</t>
    </rPh>
    <rPh sb="8" eb="11">
      <t>シチョウソン</t>
    </rPh>
    <rPh sb="11" eb="13">
      <t>シテイ</t>
    </rPh>
    <rPh sb="14" eb="16">
      <t>ホウジン</t>
    </rPh>
    <rPh sb="18" eb="21">
      <t>シチョウソン</t>
    </rPh>
    <rPh sb="25" eb="28">
      <t>タントウカ</t>
    </rPh>
    <rPh sb="31" eb="34">
      <t>チホウゼイ</t>
    </rPh>
    <rPh sb="34" eb="35">
      <t>ホウ</t>
    </rPh>
    <rPh sb="35" eb="36">
      <t>ダイ</t>
    </rPh>
    <rPh sb="39" eb="40">
      <t>ジョウ</t>
    </rPh>
    <rPh sb="42" eb="43">
      <t>ダイ</t>
    </rPh>
    <rPh sb="44" eb="45">
      <t>コウ</t>
    </rPh>
    <rPh sb="45" eb="46">
      <t>ダイ</t>
    </rPh>
    <rPh sb="47" eb="48">
      <t>ゴウ</t>
    </rPh>
    <rPh sb="49" eb="51">
      <t>シテイ</t>
    </rPh>
    <rPh sb="52" eb="53">
      <t>ウ</t>
    </rPh>
    <rPh sb="55" eb="57">
      <t>ホウジン</t>
    </rPh>
    <rPh sb="58" eb="60">
      <t>キサイ</t>
    </rPh>
    <phoneticPr fontId="1"/>
  </si>
  <si>
    <t>この一覧表での「認定」法人は、県（税務指導課）から地方税法第37条の２第１項第３号の指定を別途受けている場合があります。</t>
    <rPh sb="2" eb="4">
      <t>イチラン</t>
    </rPh>
    <rPh sb="4" eb="5">
      <t>ヒョウ</t>
    </rPh>
    <rPh sb="8" eb="10">
      <t>ニンテイ</t>
    </rPh>
    <rPh sb="11" eb="13">
      <t>ホウジン</t>
    </rPh>
    <rPh sb="15" eb="16">
      <t>ケン</t>
    </rPh>
    <rPh sb="17" eb="19">
      <t>ゼイム</t>
    </rPh>
    <rPh sb="19" eb="21">
      <t>シドウ</t>
    </rPh>
    <rPh sb="21" eb="22">
      <t>カ</t>
    </rPh>
    <rPh sb="25" eb="28">
      <t>チホウゼイ</t>
    </rPh>
    <rPh sb="28" eb="29">
      <t>ホウ</t>
    </rPh>
    <rPh sb="29" eb="30">
      <t>ダイ</t>
    </rPh>
    <rPh sb="32" eb="33">
      <t>ジョウ</t>
    </rPh>
    <rPh sb="35" eb="36">
      <t>ダイ</t>
    </rPh>
    <rPh sb="37" eb="38">
      <t>コウ</t>
    </rPh>
    <rPh sb="38" eb="39">
      <t>ダイ</t>
    </rPh>
    <rPh sb="40" eb="41">
      <t>ゴウ</t>
    </rPh>
    <rPh sb="42" eb="44">
      <t>シテイ</t>
    </rPh>
    <rPh sb="45" eb="47">
      <t>ベット</t>
    </rPh>
    <rPh sb="47" eb="48">
      <t>ウ</t>
    </rPh>
    <rPh sb="52" eb="54">
      <t>バアイ</t>
    </rPh>
    <phoneticPr fontId="1"/>
  </si>
  <si>
    <t>「つなぐ・支える・うごく」をキーワードに「NPOを応援するNPO」です。藤沢を拠点に、市民活動団体の支援活動を通じて、NPOが活動しやすい環境作りと地域の活性化を目指します。</t>
    <phoneticPr fontId="1"/>
  </si>
  <si>
    <t>日本で暮らす外国の方々が自分らしく生活できるよう日本語で支えています。外国につながる子どもたちへの地球っ子教室、日本語を学びたい方への日本語レッスン、多文化交流活動も開催しています。</t>
    <phoneticPr fontId="1"/>
  </si>
  <si>
    <t>横浜市栄区の瀬上沢緑地を次世代に引き継ぐため、募金活動や環境保全、啓発活動を実施しています。毎月皆様参加の行事がホームページに掲載されます。</t>
    <phoneticPr fontId="1"/>
  </si>
  <si>
    <t>食品ロス削減のために企業・農家・一般家庭より食品の寄贈を受け、ひとり親家庭や支援を必要とされる方、福祉施設等へ食品を無償提供し、貧困問題解決を目指します。</t>
    <phoneticPr fontId="1"/>
  </si>
  <si>
    <t>認定・特例認定・指定（４号指定）1</t>
    <rPh sb="0" eb="2">
      <t>ニンテイ</t>
    </rPh>
    <rPh sb="3" eb="5">
      <t>トクレイ</t>
    </rPh>
    <rPh sb="5" eb="7">
      <t>ニンテイ</t>
    </rPh>
    <rPh sb="8" eb="10">
      <t>シテイ</t>
    </rPh>
    <rPh sb="12" eb="13">
      <t>ゴウ</t>
    </rPh>
    <rPh sb="13" eb="15">
      <t>シテイ</t>
    </rPh>
    <phoneticPr fontId="1"/>
  </si>
  <si>
    <t>認定・特例認定・指定（４号指定）2</t>
    <rPh sb="0" eb="2">
      <t>ニンテイ</t>
    </rPh>
    <rPh sb="3" eb="5">
      <t>トクレイ</t>
    </rPh>
    <rPh sb="5" eb="7">
      <t>ニンテイ</t>
    </rPh>
    <rPh sb="8" eb="10">
      <t>シテイ</t>
    </rPh>
    <rPh sb="12" eb="13">
      <t>ゴウ</t>
    </rPh>
    <rPh sb="13" eb="15">
      <t>シテイ</t>
    </rPh>
    <phoneticPr fontId="1"/>
  </si>
  <si>
    <t>認定・特例認定・指定（４号指定）3</t>
    <rPh sb="0" eb="2">
      <t>ニンテイ</t>
    </rPh>
    <rPh sb="3" eb="5">
      <t>トクレイ</t>
    </rPh>
    <rPh sb="5" eb="7">
      <t>ニンテイ</t>
    </rPh>
    <rPh sb="8" eb="10">
      <t>シテイ</t>
    </rPh>
    <rPh sb="12" eb="13">
      <t>ゴウ</t>
    </rPh>
    <rPh sb="13" eb="15">
      <t>シテイ</t>
    </rPh>
    <phoneticPr fontId="1"/>
  </si>
  <si>
    <t>認定・特例認定・指定（４号指定）4</t>
    <rPh sb="0" eb="2">
      <t>ニンテイ</t>
    </rPh>
    <rPh sb="3" eb="5">
      <t>トクレイ</t>
    </rPh>
    <rPh sb="5" eb="7">
      <t>ニンテイ</t>
    </rPh>
    <rPh sb="8" eb="10">
      <t>シテイ</t>
    </rPh>
    <rPh sb="12" eb="13">
      <t>ゴウ</t>
    </rPh>
    <rPh sb="13" eb="15">
      <t>シテイ</t>
    </rPh>
    <phoneticPr fontId="1"/>
  </si>
  <si>
    <t>認定・特例認定・指定（４号指定）5</t>
    <rPh sb="0" eb="2">
      <t>ニンテイ</t>
    </rPh>
    <rPh sb="3" eb="5">
      <t>トクレイ</t>
    </rPh>
    <rPh sb="5" eb="7">
      <t>ニンテイ</t>
    </rPh>
    <rPh sb="8" eb="10">
      <t>シテイ</t>
    </rPh>
    <rPh sb="12" eb="13">
      <t>ゴウ</t>
    </rPh>
    <rPh sb="13" eb="15">
      <t>シテイ</t>
    </rPh>
    <phoneticPr fontId="1"/>
  </si>
  <si>
    <t>https://k-tentou.jp/</t>
    <phoneticPr fontId="1"/>
  </si>
  <si>
    <t>https://www.slowlabel.info/</t>
    <phoneticPr fontId="1"/>
  </si>
  <si>
    <t>https://suzunokai.com/</t>
    <phoneticPr fontId="1"/>
  </si>
  <si>
    <t>https://nan-toka-naru.net/</t>
    <phoneticPr fontId="1"/>
  </si>
  <si>
    <t>「コケてもコケてもなんとかなる世の中」を目指し、児童養護施設や少年院などを出て家に戻れない若者に対して「住まい」「仕事」「学び」を３点セットで提供し、その自立を支援している。</t>
    <phoneticPr fontId="1"/>
  </si>
  <si>
    <t>当法人は、高齢者に対して転倒予防運動の必要性とその認識を高めていくために転倒予防運動の普及と啓発活動事業及びその指導員の育成活動事業を行っている。</t>
    <phoneticPr fontId="1"/>
  </si>
  <si>
    <t>虐待や暴力、いじめ等の被害をうけた子どもを、初期段階から中長期にわたり、子どもたちに併走しながら、多機関多職種で連携しサポートを行うワンストップセンターです。</t>
    <phoneticPr fontId="1"/>
  </si>
  <si>
    <t>https://tsunagg.com</t>
    <phoneticPr fontId="1"/>
  </si>
  <si>
    <t>私たちは、サーカスの練習を通じて協調性・コミュニケーション力などを総合的に育む「ソーシャルサーカス」を活用した障がいのある方の社会参画を目的としたプログラムを実施しています。</t>
    <phoneticPr fontId="1"/>
  </si>
  <si>
    <t>保健・福祉・医療</t>
    <phoneticPr fontId="1"/>
  </si>
  <si>
    <t>http://home.catv-yokohama.ne.jp/55/ippai/</t>
    <phoneticPr fontId="1"/>
  </si>
  <si>
    <t>（法人に照会中）</t>
    <rPh sb="1" eb="3">
      <t>ホウジン</t>
    </rPh>
    <rPh sb="4" eb="6">
      <t>ショウカイ</t>
    </rPh>
    <rPh sb="6" eb="7">
      <t>チュウ</t>
    </rPh>
    <phoneticPr fontId="1"/>
  </si>
  <si>
    <t>地域で孤立しがちな高齢者とその家族、ボランティアが共に支えあいながら、集いの場を中心に街づくりネットワークを目指します。</t>
    <phoneticPr fontId="1"/>
  </si>
  <si>
    <t>私たちの法人は、放課後等デイサービス事業の制度ができる以前から障害児の支援を行っていた老舗の法人です。放課後等デイサービスに加え就労継続支援B型事業も行っています。</t>
    <phoneticPr fontId="1"/>
  </si>
  <si>
    <t>法人からのコメント</t>
    <rPh sb="0" eb="2">
      <t>ホウジン</t>
    </rPh>
    <phoneticPr fontId="1"/>
  </si>
  <si>
    <t>経済的な貧困や社会格差による子どものスポーツの機会格差解消に取組んでいます。日本全国で、奨励金給付、用具寄贈、サッカー選手との交流、誰もが遊べるスポーツ施設づくりをしています。</t>
    <phoneticPr fontId="1"/>
  </si>
  <si>
    <t>https://www.lovefutbol-japan.org/</t>
    <phoneticPr fontId="1"/>
  </si>
  <si>
    <t>障害者の日常生活及び社会生活を総合的に支援するための法律に基づく障害福祉サービス事業所</t>
    <phoneticPr fontId="1"/>
  </si>
  <si>
    <t>保健・福祉・医療</t>
    <phoneticPr fontId="1"/>
  </si>
  <si>
    <t>現在工事中</t>
    <rPh sb="0" eb="2">
      <t>ゲンザイ</t>
    </rPh>
    <rPh sb="2" eb="5">
      <t>コウジチュウ</t>
    </rPh>
    <phoneticPr fontId="1"/>
  </si>
  <si>
    <t>https://mitai-mitakunai.com</t>
    <phoneticPr fontId="1"/>
  </si>
  <si>
    <t>パラグアイの農村部やスラムを中心に教育・生活支援や、ジェンダー課題解決にも取り組む。
2020年度より日本国内でも困難な経済状況下にある子どもたちや女性を対象に活動を開始。</t>
    <phoneticPr fontId="1"/>
  </si>
  <si>
    <t>国際協力</t>
    <phoneticPr fontId="1"/>
  </si>
  <si>
    <t>特定非営利活動法人あいおぷらす</t>
    <rPh sb="0" eb="2">
      <t>トクテイ</t>
    </rPh>
    <rPh sb="2" eb="5">
      <t>ヒエイリ</t>
    </rPh>
    <rPh sb="5" eb="7">
      <t>カツドウ</t>
    </rPh>
    <rPh sb="7" eb="9">
      <t>ホウジン</t>
    </rPh>
    <phoneticPr fontId="1"/>
  </si>
  <si>
    <t>特例認定(県)</t>
    <rPh sb="0" eb="2">
      <t>トクレイ</t>
    </rPh>
    <rPh sb="2" eb="4">
      <t>ニンテイ</t>
    </rPh>
    <rPh sb="5" eb="6">
      <t>ケン</t>
    </rPh>
    <phoneticPr fontId="1"/>
  </si>
  <si>
    <t>特定非営利活動法人びーのびーの</t>
    <phoneticPr fontId="1"/>
  </si>
  <si>
    <t>認定(横浜市)</t>
    <rPh sb="0" eb="2">
      <t>ニンテイ</t>
    </rPh>
    <rPh sb="3" eb="6">
      <t>ヨコハマシ</t>
    </rPh>
    <phoneticPr fontId="1"/>
  </si>
  <si>
    <t>認定(川崎市)</t>
    <rPh sb="0" eb="2">
      <t>ニンテイ</t>
    </rPh>
    <rPh sb="3" eb="6">
      <t>カワサキシ</t>
    </rPh>
    <phoneticPr fontId="1"/>
  </si>
  <si>
    <t>横浜市特例認定</t>
    <rPh sb="0" eb="3">
      <t>ヨコハマシ</t>
    </rPh>
    <rPh sb="3" eb="5">
      <t>トクレイ</t>
    </rPh>
    <rPh sb="5" eb="7">
      <t>ニンテイ</t>
    </rPh>
    <phoneticPr fontId="1"/>
  </si>
  <si>
    <t>横浜市金沢区</t>
    <rPh sb="0" eb="2">
      <t>ヨコハマ</t>
    </rPh>
    <rPh sb="2" eb="3">
      <t>シ</t>
    </rPh>
    <rPh sb="3" eb="5">
      <t>カナザワ</t>
    </rPh>
    <rPh sb="5" eb="6">
      <t>ク</t>
    </rPh>
    <phoneticPr fontId="1"/>
  </si>
  <si>
    <t>横浜市港南区</t>
    <rPh sb="3" eb="5">
      <t>コウナン</t>
    </rPh>
    <rPh sb="5" eb="6">
      <t>ク</t>
    </rPh>
    <phoneticPr fontId="1"/>
  </si>
  <si>
    <t>ＮＰＯ法人かながわ311ネットワーク</t>
    <phoneticPr fontId="1"/>
  </si>
  <si>
    <t>相模原市指定</t>
    <rPh sb="0" eb="4">
      <t>サガミハラシ</t>
    </rPh>
    <rPh sb="4" eb="6">
      <t>シテイ</t>
    </rPh>
    <phoneticPr fontId="1"/>
  </si>
  <si>
    <t>NPO法人チャレンジドサポートプロジェクト</t>
    <rPh sb="3" eb="5">
      <t>ホウジン</t>
    </rPh>
    <phoneticPr fontId="1"/>
  </si>
  <si>
    <t>特定非営利活動法人プラス保育園</t>
    <rPh sb="0" eb="2">
      <t>トクテイ</t>
    </rPh>
    <rPh sb="2" eb="5">
      <t>ヒエイリ</t>
    </rPh>
    <rPh sb="5" eb="7">
      <t>カツドウ</t>
    </rPh>
    <rPh sb="7" eb="9">
      <t>ホウジン</t>
    </rPh>
    <rPh sb="12" eb="15">
      <t>ホイクエン</t>
    </rPh>
    <phoneticPr fontId="1"/>
  </si>
  <si>
    <t>特定非営利活動法人鎌倉あそび基地</t>
    <rPh sb="0" eb="2">
      <t>トクテイ</t>
    </rPh>
    <rPh sb="2" eb="5">
      <t>ヒエイリ</t>
    </rPh>
    <rPh sb="5" eb="7">
      <t>カツドウ</t>
    </rPh>
    <rPh sb="7" eb="9">
      <t>ホウジン</t>
    </rPh>
    <rPh sb="9" eb="11">
      <t>カマクラ</t>
    </rPh>
    <rPh sb="14" eb="16">
      <t>キチ</t>
    </rPh>
    <phoneticPr fontId="1"/>
  </si>
  <si>
    <t>特定非営利活動法人療育ねっとわーく川崎</t>
    <rPh sb="0" eb="2">
      <t>トクテイ</t>
    </rPh>
    <rPh sb="2" eb="5">
      <t>ヒエイリ</t>
    </rPh>
    <rPh sb="5" eb="7">
      <t>カツドウ</t>
    </rPh>
    <rPh sb="7" eb="9">
      <t>ホウジン</t>
    </rPh>
    <rPh sb="9" eb="11">
      <t>リョウイク</t>
    </rPh>
    <rPh sb="17" eb="19">
      <t>カワサキ</t>
    </rPh>
    <phoneticPr fontId="1"/>
  </si>
  <si>
    <t>川崎市多摩区</t>
    <rPh sb="0" eb="2">
      <t>カワサキ</t>
    </rPh>
    <rPh sb="2" eb="3">
      <t>シ</t>
    </rPh>
    <rPh sb="3" eb="6">
      <t>タマク</t>
    </rPh>
    <phoneticPr fontId="1"/>
  </si>
  <si>
    <t>「フリースクールLargo」「学童保育ふかふか」２つの事業を柱に、「子どもが真ん中」の居場所づくりに取り組んでいます。</t>
    <phoneticPr fontId="1"/>
  </si>
  <si>
    <t>https://fukafuka-kamakura.com/</t>
    <phoneticPr fontId="1"/>
  </si>
  <si>
    <t>保育園運営を中心に、明るい未来を担う子ども達の「生きる力」を保護者・地域社会とともに支え、地域社会の活性化・明るい街づくりに貢献します。</t>
    <phoneticPr fontId="1"/>
  </si>
  <si>
    <t>http://plus-hoikuen.kids.coocan.jp</t>
    <phoneticPr fontId="1"/>
  </si>
  <si>
    <t>「さざなみ会」は、「ピアで愉快に新しい価値をつくる」を理念に、障害福祉サービス、相談支援、権利擁護、当事者活動等の運営など、地域ぐるみの活動を進めています。</t>
    <rPh sb="5" eb="6">
      <t>カイ</t>
    </rPh>
    <rPh sb="13" eb="15">
      <t>ユカイ</t>
    </rPh>
    <rPh sb="16" eb="17">
      <t>アタラ</t>
    </rPh>
    <rPh sb="19" eb="21">
      <t>カチ</t>
    </rPh>
    <rPh sb="27" eb="29">
      <t>リネン</t>
    </rPh>
    <rPh sb="31" eb="33">
      <t>ショウガイ</t>
    </rPh>
    <rPh sb="33" eb="35">
      <t>フクシ</t>
    </rPh>
    <rPh sb="40" eb="42">
      <t>ソウダン</t>
    </rPh>
    <rPh sb="42" eb="44">
      <t>シエン</t>
    </rPh>
    <rPh sb="45" eb="47">
      <t>ケンリ</t>
    </rPh>
    <rPh sb="47" eb="49">
      <t>ヨウゴ</t>
    </rPh>
    <rPh sb="50" eb="53">
      <t>トウジシャ</t>
    </rPh>
    <rPh sb="53" eb="55">
      <t>カツドウ</t>
    </rPh>
    <rPh sb="55" eb="56">
      <t>トウ</t>
    </rPh>
    <rPh sb="57" eb="59">
      <t>ウンエイ</t>
    </rPh>
    <rPh sb="62" eb="64">
      <t>チイキ</t>
    </rPh>
    <rPh sb="68" eb="70">
      <t>カツドウ</t>
    </rPh>
    <rPh sb="71" eb="72">
      <t>スス</t>
    </rPh>
    <phoneticPr fontId="1"/>
  </si>
  <si>
    <t>https://sazanamikai.com</t>
    <phoneticPr fontId="1"/>
  </si>
  <si>
    <t>保育園運営や子育て支援のほか【医療的ケア児の居場所づくり】を推進中。
協力いただける保育園へ看護師支援や訪問看護連携、一時保育無料開放、横浜マラソン託児対応など。</t>
    <phoneticPr fontId="1"/>
  </si>
  <si>
    <t>https://orangebaby.org/</t>
    <phoneticPr fontId="1"/>
  </si>
  <si>
    <t>グループホーム等を通じて、障がいのある人と家族を支援する事業を行うとともに、多くの人々と手をつなぎ、障がいの理解をすすめることで、地域福祉の増進に貢献します。</t>
    <phoneticPr fontId="1"/>
  </si>
  <si>
    <t>https://npo-csp.com/</t>
    <phoneticPr fontId="1"/>
  </si>
  <si>
    <t>障害のある人とその家族が地域でいきいきと豊かに暮らせるように、障害のある人と家族への支援とともに、多くの人と手をつなぎ、地域社会の理解をひろげる活動を行っています。</t>
    <phoneticPr fontId="1"/>
  </si>
  <si>
    <t>https://www.ryouikunet-kawasaki.com/</t>
    <phoneticPr fontId="1"/>
  </si>
  <si>
    <t>http://midoridai1-stc.net/湘北福祉会やまのべ/</t>
    <phoneticPr fontId="1"/>
  </si>
  <si>
    <t>特定非営利活動法人JUDOｓ</t>
    <phoneticPr fontId="1"/>
  </si>
  <si>
    <t>平塚市</t>
    <rPh sb="0" eb="3">
      <t>ヒラツカシ</t>
    </rPh>
    <phoneticPr fontId="1"/>
  </si>
  <si>
    <t>ＮＰＯ法人つなぐ</t>
    <rPh sb="3" eb="5">
      <t>ホウジン</t>
    </rPh>
    <phoneticPr fontId="1"/>
  </si>
  <si>
    <t>横浜市鶴見区</t>
    <rPh sb="0" eb="3">
      <t>ヨコハマシ</t>
    </rPh>
    <rPh sb="3" eb="6">
      <t>ツルミク</t>
    </rPh>
    <phoneticPr fontId="1"/>
  </si>
  <si>
    <t>https://aioplus.net</t>
    <phoneticPr fontId="1"/>
  </si>
  <si>
    <t>世界各国・地域で選手、青少年の育成支援を行い、柔道およびスポーツを通じたより多様性ある豊かな社会の実現のために活動する団体です。</t>
    <phoneticPr fontId="1"/>
  </si>
  <si>
    <t>https://judos.jp/</t>
    <phoneticPr fontId="1"/>
  </si>
  <si>
    <t>がん検診の受診率の向上、がんに係わる正しい情報発信、がん患者やその家族等に対する支援などの事業を行い、地域住民の保健、医療又は福祉の増進に寄与することを目的としています。</t>
    <phoneticPr fontId="1"/>
  </si>
  <si>
    <t>川崎市多摩区</t>
    <phoneticPr fontId="1"/>
  </si>
  <si>
    <t>川崎市</t>
    <rPh sb="0" eb="2">
      <t>カワサキ</t>
    </rPh>
    <rPh sb="2" eb="3">
      <t>シ</t>
    </rPh>
    <phoneticPr fontId="1"/>
  </si>
  <si>
    <t>特定非営利活動法人トムトム</t>
    <phoneticPr fontId="1"/>
  </si>
  <si>
    <t>特定非営利活動法人ワールドランナーズ・ジャパン</t>
    <phoneticPr fontId="1"/>
  </si>
  <si>
    <t>特定非営利活動法人たんぽぽ会</t>
    <phoneticPr fontId="1"/>
  </si>
  <si>
    <t>特定非営利活動法人ユースポート横濱</t>
    <phoneticPr fontId="1"/>
  </si>
  <si>
    <t>特定非営利活動法人森ノオト</t>
    <phoneticPr fontId="1"/>
  </si>
  <si>
    <t>NPO法人地球と共に生きる会</t>
    <rPh sb="3" eb="5">
      <t>ホウジン</t>
    </rPh>
    <rPh sb="5" eb="7">
      <t>チキュウ</t>
    </rPh>
    <rPh sb="8" eb="9">
      <t>トモ</t>
    </rPh>
    <rPh sb="10" eb="11">
      <t>イ</t>
    </rPh>
    <rPh sb="13" eb="14">
      <t>カイ</t>
    </rPh>
    <phoneticPr fontId="1"/>
  </si>
  <si>
    <t>ＮＰＯ法人キッズアートプロジェクト</t>
    <phoneticPr fontId="1"/>
  </si>
  <si>
    <t>ユースポート横濱は生きづらさを抱えている人がその人なりの生き方を見つけ、実現するためのサポートをしていきます。就労や生活に関わる個別相談を軸に様々な支援を行っています。</t>
    <phoneticPr fontId="1"/>
  </si>
  <si>
    <t>https://www.youthport.jp/index.html</t>
    <phoneticPr fontId="1"/>
  </si>
  <si>
    <t>「走る」ことを通して貢献する目的で、日本でランニング大会を開催し、ケニアやタンザニアを中心に、飢餓の終わりに関連する草の根のプロジェクトを行っています。</t>
    <phoneticPr fontId="1"/>
  </si>
  <si>
    <t>国際協力</t>
    <phoneticPr fontId="1"/>
  </si>
  <si>
    <t>森ノオトはローカルメディアの運営と市民ライターの育成を行い、地域情報による地域活性化に寄与しています。資源循環や地産地消の普及などを通し、市民社会の担い手の裾野を広げます。</t>
    <phoneticPr fontId="1"/>
  </si>
  <si>
    <t>子どもを真ん中に保護者・職員がともに育つ保育を行っている認可保育所です。子ども達が集団の中で心身共に健やかに成長するため、よりよい保育環境づくりに取組んでいます。</t>
    <phoneticPr fontId="1"/>
  </si>
  <si>
    <t>http://www.chidama.net/</t>
    <phoneticPr fontId="1"/>
  </si>
  <si>
    <t>キッズアートプロジェクトは、アートの作成を通じて、入院生活を楽しみ、お友達同士たたえあい、治療と向き合う「病院で過ごす子どもたち」が主役のプロジェクトです。</t>
    <phoneticPr fontId="1"/>
  </si>
  <si>
    <t>国内版
http://kidsartproject.jp/
国際版
https://kidsartproject.my.canva.site/</t>
    <phoneticPr fontId="1"/>
  </si>
  <si>
    <t>「青少年健全育成・生き残りをかけた食の改善と確保・自然環境保全」
1000万人の稲作り一鉢運動を推進し、収穫の半量を寄付いただき玄米粉に変え、全国・全世界に贈ることで国際人道支援活動に寄与。日本の食料自給率100％に向けて棚田・休耕地等を有効利用することで農家支援をし、併せて災害時避難地の確保への取り組み。</t>
    <phoneticPr fontId="1"/>
  </si>
  <si>
    <t>https://www.wrj.jp/</t>
    <phoneticPr fontId="1"/>
  </si>
  <si>
    <t>https://www.tanpopo-hoikuen-asahi.jp</t>
    <phoneticPr fontId="1"/>
  </si>
  <si>
    <t>https://morinooto.jp</t>
    <phoneticPr fontId="1"/>
  </si>
  <si>
    <t>認定(県)</t>
  </si>
  <si>
    <t>認定(相模原市)</t>
    <rPh sb="0" eb="2">
      <t>ニンテイ</t>
    </rPh>
    <rPh sb="3" eb="7">
      <t>サガミハラシ</t>
    </rPh>
    <phoneticPr fontId="1"/>
  </si>
  <si>
    <t>（寄附金税額控除を受けられるＮＰＯ法人・令和５年11月30日現在、神奈川県ＮＰＯ協働推進課まとめ）</t>
    <rPh sb="17" eb="19">
      <t>ホウジン</t>
    </rPh>
    <phoneticPr fontId="1"/>
  </si>
  <si>
    <t>令和5年11月30日現在</t>
    <phoneticPr fontId="1"/>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12" x14ac:knownFonts="1">
    <font>
      <sz val="11"/>
      <name val="ＭＳ Ｐゴシック"/>
      <family val="3"/>
      <charset val="128"/>
    </font>
    <font>
      <sz val="6"/>
      <name val="ＭＳ Ｐゴシック"/>
      <family val="3"/>
      <charset val="128"/>
    </font>
    <font>
      <sz val="11"/>
      <color theme="1"/>
      <name val="ＭＳ Ｐゴシック"/>
      <family val="3"/>
      <charset val="128"/>
    </font>
    <font>
      <sz val="12"/>
      <color theme="1"/>
      <name val="ＭＳ Ｐゴシック"/>
      <family val="3"/>
      <charset val="128"/>
    </font>
    <font>
      <u/>
      <sz val="11"/>
      <color theme="10"/>
      <name val="ＭＳ Ｐゴシック"/>
      <family val="3"/>
      <charset val="128"/>
    </font>
    <font>
      <b/>
      <sz val="16"/>
      <name val="ＭＳ Ｐゴシック"/>
      <family val="3"/>
      <charset val="128"/>
    </font>
    <font>
      <sz val="12"/>
      <name val="ＭＳ Ｐゴシック"/>
      <family val="3"/>
      <charset val="128"/>
    </font>
    <font>
      <b/>
      <sz val="14"/>
      <name val="ＭＳ Ｐゴシック"/>
      <family val="3"/>
      <charset val="128"/>
    </font>
    <font>
      <sz val="8"/>
      <name val="ＭＳ Ｐゴシック"/>
      <family val="3"/>
      <charset val="128"/>
    </font>
    <font>
      <sz val="9"/>
      <name val="ＭＳ Ｐゴシック"/>
      <family val="3"/>
      <charset val="128"/>
    </font>
    <font>
      <u/>
      <sz val="11"/>
      <name val="ＭＳ Ｐゴシック"/>
      <family val="3"/>
      <charset val="128"/>
    </font>
    <font>
      <sz val="11"/>
      <name val="ＭＳ Ｐゴシック"/>
      <family val="3"/>
      <charset val="128"/>
    </font>
  </fonts>
  <fills count="2">
    <fill>
      <patternFill patternType="none"/>
    </fill>
    <fill>
      <patternFill patternType="gray125"/>
    </fill>
  </fills>
  <borders count="8">
    <border>
      <left/>
      <right/>
      <top/>
      <bottom/>
      <diagonal/>
    </border>
    <border>
      <left style="thin">
        <color indexed="64"/>
      </left>
      <right style="thin">
        <color indexed="64"/>
      </right>
      <top style="thin">
        <color indexed="64"/>
      </top>
      <bottom style="thin">
        <color indexed="64"/>
      </bottom>
      <diagonal/>
    </border>
    <border>
      <left style="medium">
        <color indexed="64"/>
      </left>
      <right/>
      <top style="thin">
        <color indexed="64"/>
      </top>
      <bottom style="thin">
        <color indexed="64"/>
      </bottom>
      <diagonal/>
    </border>
    <border>
      <left style="medium">
        <color indexed="64"/>
      </left>
      <right/>
      <top/>
      <bottom style="thin">
        <color indexed="64"/>
      </bottom>
      <diagonal/>
    </border>
    <border>
      <left/>
      <right/>
      <top style="thin">
        <color indexed="64"/>
      </top>
      <bottom/>
      <diagonal/>
    </border>
    <border>
      <left style="thin">
        <color indexed="64"/>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style="thin">
        <color indexed="64"/>
      </right>
      <top style="thin">
        <color indexed="64"/>
      </top>
      <bottom/>
      <diagonal/>
    </border>
  </borders>
  <cellStyleXfs count="4">
    <xf numFmtId="0" fontId="0" fillId="0" borderId="0"/>
    <xf numFmtId="0" fontId="4" fillId="0" borderId="0" applyNumberFormat="0" applyFill="0" applyBorder="0" applyAlignment="0" applyProtection="0"/>
    <xf numFmtId="0" fontId="4" fillId="0" borderId="0" applyNumberFormat="0" applyFill="0" applyBorder="0" applyAlignment="0" applyProtection="0"/>
    <xf numFmtId="0" fontId="4" fillId="0" borderId="0" applyNumberFormat="0" applyFill="0" applyBorder="0" applyAlignment="0" applyProtection="0"/>
  </cellStyleXfs>
  <cellXfs count="52">
    <xf numFmtId="0" fontId="0" fillId="0" borderId="0" xfId="0"/>
    <xf numFmtId="0" fontId="2" fillId="0" borderId="3" xfId="0" applyFont="1" applyFill="1" applyBorder="1" applyAlignment="1">
      <alignment vertical="center"/>
    </xf>
    <xf numFmtId="0" fontId="2" fillId="0" borderId="2" xfId="0" applyFont="1" applyFill="1" applyBorder="1" applyAlignment="1">
      <alignment vertical="center"/>
    </xf>
    <xf numFmtId="0" fontId="3" fillId="0" borderId="0" xfId="0" applyFont="1" applyFill="1" applyAlignment="1">
      <alignment vertical="center"/>
    </xf>
    <xf numFmtId="0" fontId="2" fillId="0" borderId="0" xfId="0" applyFont="1" applyFill="1" applyAlignment="1">
      <alignment vertical="center"/>
    </xf>
    <xf numFmtId="0" fontId="3" fillId="0" borderId="0" xfId="0" applyFont="1" applyFill="1" applyAlignment="1">
      <alignment horizontal="center" vertical="center"/>
    </xf>
    <xf numFmtId="0" fontId="3" fillId="0" borderId="0" xfId="0" applyFont="1" applyFill="1" applyAlignment="1">
      <alignment horizontal="left" vertical="center"/>
    </xf>
    <xf numFmtId="0" fontId="3" fillId="0" borderId="0" xfId="0" applyFont="1" applyFill="1" applyBorder="1" applyAlignment="1">
      <alignment vertical="center"/>
    </xf>
    <xf numFmtId="0" fontId="3" fillId="0" borderId="0" xfId="0" applyFont="1" applyFill="1" applyBorder="1" applyAlignment="1">
      <alignment horizontal="center" vertical="center"/>
    </xf>
    <xf numFmtId="0" fontId="3" fillId="0" borderId="0" xfId="0" applyFont="1" applyFill="1" applyBorder="1" applyAlignment="1">
      <alignment horizontal="left" vertical="center"/>
    </xf>
    <xf numFmtId="0" fontId="2" fillId="0" borderId="0" xfId="0" applyFont="1" applyFill="1" applyBorder="1" applyAlignment="1">
      <alignment vertical="center"/>
    </xf>
    <xf numFmtId="0" fontId="3" fillId="0" borderId="0" xfId="0" applyFont="1" applyFill="1" applyAlignment="1">
      <alignment horizontal="left" vertical="center" wrapText="1"/>
    </xf>
    <xf numFmtId="0" fontId="3" fillId="0" borderId="0" xfId="0" applyFont="1" applyFill="1" applyBorder="1" applyAlignment="1">
      <alignment horizontal="left" vertical="center" wrapText="1"/>
    </xf>
    <xf numFmtId="0" fontId="3" fillId="0" borderId="0" xfId="0" applyFont="1" applyFill="1" applyAlignment="1">
      <alignment vertical="center" wrapText="1"/>
    </xf>
    <xf numFmtId="0" fontId="3" fillId="0" borderId="0" xfId="0" applyFont="1" applyFill="1" applyBorder="1" applyAlignment="1">
      <alignment vertical="center" wrapText="1"/>
    </xf>
    <xf numFmtId="0" fontId="3" fillId="0" borderId="0" xfId="0" applyFont="1" applyFill="1" applyAlignment="1">
      <alignment horizontal="center" vertical="center" wrapText="1"/>
    </xf>
    <xf numFmtId="0" fontId="3" fillId="0" borderId="1" xfId="0" applyFont="1" applyFill="1" applyBorder="1" applyAlignment="1">
      <alignment vertical="center"/>
    </xf>
    <xf numFmtId="0" fontId="5" fillId="0" borderId="0" xfId="0" applyFont="1" applyFill="1" applyAlignment="1">
      <alignment horizontal="left" vertical="center"/>
    </xf>
    <xf numFmtId="0" fontId="6" fillId="0" borderId="0" xfId="0" applyFont="1" applyFill="1" applyAlignment="1">
      <alignment horizontal="centerContinuous" vertical="center"/>
    </xf>
    <xf numFmtId="0" fontId="6" fillId="0" borderId="0" xfId="0" applyFont="1" applyFill="1" applyAlignment="1">
      <alignment horizontal="center" vertical="center"/>
    </xf>
    <xf numFmtId="0" fontId="6" fillId="0" borderId="0" xfId="0" applyFont="1" applyFill="1" applyAlignment="1">
      <alignment horizontal="left" vertical="center" wrapText="1"/>
    </xf>
    <xf numFmtId="0" fontId="6" fillId="0" borderId="0" xfId="0" applyFont="1" applyFill="1" applyAlignment="1">
      <alignment vertical="center" wrapText="1"/>
    </xf>
    <xf numFmtId="0" fontId="6" fillId="0" borderId="0" xfId="0" applyFont="1" applyFill="1" applyAlignment="1">
      <alignment horizontal="centerContinuous" vertical="top"/>
    </xf>
    <xf numFmtId="0" fontId="6" fillId="0" borderId="0" xfId="0" applyFont="1" applyFill="1" applyAlignment="1">
      <alignment horizontal="left" vertical="center"/>
    </xf>
    <xf numFmtId="0" fontId="7" fillId="0" borderId="0" xfId="0" applyFont="1" applyFill="1" applyAlignment="1">
      <alignment horizontal="left" vertical="center"/>
    </xf>
    <xf numFmtId="0" fontId="6" fillId="0" borderId="0" xfId="0" applyFont="1" applyFill="1" applyAlignment="1">
      <alignment vertical="center"/>
    </xf>
    <xf numFmtId="0" fontId="6" fillId="0" borderId="0" xfId="0" applyFont="1" applyFill="1" applyAlignment="1">
      <alignment horizontal="right" vertical="center"/>
    </xf>
    <xf numFmtId="0" fontId="6" fillId="0" borderId="0" xfId="0" applyFont="1" applyFill="1" applyAlignment="1">
      <alignment horizontal="right" vertical="center" wrapText="1"/>
    </xf>
    <xf numFmtId="0" fontId="6" fillId="0" borderId="1" xfId="0" applyFont="1" applyFill="1" applyBorder="1" applyAlignment="1">
      <alignment horizontal="center" vertical="center"/>
    </xf>
    <xf numFmtId="0" fontId="6" fillId="0" borderId="1" xfId="0" applyFont="1" applyFill="1" applyBorder="1" applyAlignment="1">
      <alignment horizontal="center" vertical="center" wrapText="1"/>
    </xf>
    <xf numFmtId="0" fontId="8" fillId="0" borderId="1" xfId="0" applyFont="1" applyFill="1" applyBorder="1" applyAlignment="1">
      <alignment vertical="center" wrapText="1"/>
    </xf>
    <xf numFmtId="0" fontId="0" fillId="0" borderId="1" xfId="0" applyFont="1" applyFill="1" applyBorder="1" applyAlignment="1">
      <alignment vertical="center" wrapText="1"/>
    </xf>
    <xf numFmtId="0" fontId="0" fillId="0" borderId="1" xfId="0" applyFont="1" applyFill="1" applyBorder="1" applyAlignment="1">
      <alignment horizontal="left" vertical="center" shrinkToFit="1"/>
    </xf>
    <xf numFmtId="0" fontId="0" fillId="0" borderId="1" xfId="0" applyFont="1" applyFill="1" applyBorder="1" applyAlignment="1">
      <alignment vertical="center"/>
    </xf>
    <xf numFmtId="0" fontId="0" fillId="0" borderId="1" xfId="0" applyFont="1" applyFill="1" applyBorder="1" applyAlignment="1">
      <alignment horizontal="left" vertical="center" wrapText="1"/>
    </xf>
    <xf numFmtId="0" fontId="0" fillId="0" borderId="1" xfId="0" applyFont="1" applyFill="1" applyBorder="1" applyAlignment="1">
      <alignment horizontal="center" vertical="center"/>
    </xf>
    <xf numFmtId="0" fontId="0" fillId="0" borderId="1" xfId="0" applyFont="1" applyFill="1" applyBorder="1" applyAlignment="1">
      <alignment horizontal="center" vertical="center" wrapText="1" shrinkToFit="1"/>
    </xf>
    <xf numFmtId="0" fontId="0" fillId="0" borderId="1" xfId="0" applyFont="1" applyFill="1" applyBorder="1" applyAlignment="1">
      <alignment horizontal="center" vertical="center" shrinkToFit="1"/>
    </xf>
    <xf numFmtId="0" fontId="0" fillId="0" borderId="1" xfId="0" applyFont="1" applyFill="1" applyBorder="1" applyAlignment="1">
      <alignment horizontal="center" vertical="center" wrapText="1"/>
    </xf>
    <xf numFmtId="0" fontId="9" fillId="0" borderId="1" xfId="0" applyFont="1" applyFill="1" applyBorder="1" applyAlignment="1">
      <alignment vertical="center" wrapText="1"/>
    </xf>
    <xf numFmtId="0" fontId="0" fillId="0" borderId="5" xfId="0" applyFont="1" applyFill="1" applyBorder="1" applyAlignment="1">
      <alignment vertical="center" wrapText="1"/>
    </xf>
    <xf numFmtId="0" fontId="0" fillId="0" borderId="7" xfId="0" applyFont="1" applyFill="1" applyBorder="1" applyAlignment="1">
      <alignment horizontal="left" vertical="center" shrinkToFit="1"/>
    </xf>
    <xf numFmtId="0" fontId="0" fillId="0" borderId="6" xfId="0" applyFont="1" applyFill="1" applyBorder="1" applyAlignment="1">
      <alignment vertical="center"/>
    </xf>
    <xf numFmtId="0" fontId="0" fillId="0" borderId="0" xfId="0" applyFont="1" applyAlignment="1">
      <alignment vertical="center"/>
    </xf>
    <xf numFmtId="0" fontId="0" fillId="0" borderId="1" xfId="0" applyFont="1" applyBorder="1" applyAlignment="1">
      <alignment vertical="center"/>
    </xf>
    <xf numFmtId="0" fontId="10" fillId="0" borderId="1" xfId="3" applyFont="1" applyFill="1" applyBorder="1" applyAlignment="1">
      <alignment horizontal="left" vertical="center" wrapText="1"/>
    </xf>
    <xf numFmtId="0" fontId="0" fillId="0" borderId="4" xfId="0" applyFont="1" applyFill="1" applyBorder="1" applyAlignment="1">
      <alignment horizontal="center" vertical="center"/>
    </xf>
    <xf numFmtId="0" fontId="0" fillId="0" borderId="1" xfId="0" applyFont="1" applyFill="1" applyBorder="1" applyAlignment="1">
      <alignment horizontal="left" vertical="center"/>
    </xf>
    <xf numFmtId="0" fontId="0" fillId="0" borderId="0" xfId="0" applyFont="1" applyAlignment="1">
      <alignment horizontal="left" vertical="center"/>
    </xf>
    <xf numFmtId="0" fontId="0" fillId="0" borderId="1" xfId="0" applyFont="1" applyBorder="1" applyAlignment="1">
      <alignment horizontal="left" vertical="center"/>
    </xf>
    <xf numFmtId="0" fontId="0" fillId="0" borderId="0" xfId="0" applyFont="1" applyAlignment="1">
      <alignment horizontal="left" vertical="center" wrapText="1"/>
    </xf>
    <xf numFmtId="49" fontId="11" fillId="0" borderId="1" xfId="3" applyNumberFormat="1" applyFont="1" applyFill="1" applyBorder="1" applyAlignment="1">
      <alignment vertical="center"/>
    </xf>
  </cellXfs>
  <cellStyles count="4">
    <cellStyle name="ハイパーリンク" xfId="1" builtinId="8" hidden="1"/>
    <cellStyle name="ハイパーリンク" xfId="2" builtinId="8" hidden="1"/>
    <cellStyle name="ハイパーリンク" xfId="3" builtinId="8"/>
    <cellStyle name="標準" xfId="0" builtinId="0"/>
  </cellStyles>
  <dxfs count="0"/>
  <tableStyles count="0" defaultTableStyle="TableStyleMedium9"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2" Type="http://schemas.openxmlformats.org/officeDocument/2006/relationships/printerSettings" Target="../printerSettings/printerSettings1.bin"/><Relationship Id="rId1" Type="http://schemas.openxmlformats.org/officeDocument/2006/relationships/hyperlink" Target="https://sazanamikai.com/" TargetMode="External"/></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M192"/>
  <sheetViews>
    <sheetView tabSelected="1" view="pageBreakPreview" topLeftCell="B1" zoomScale="70" zoomScaleNormal="100" zoomScaleSheetLayoutView="70" workbookViewId="0">
      <selection activeCell="F163" sqref="F163"/>
    </sheetView>
  </sheetViews>
  <sheetFormatPr defaultColWidth="9" defaultRowHeight="14.4" x14ac:dyDescent="0.2"/>
  <cols>
    <col min="1" max="1" width="4.44140625" style="3" hidden="1" customWidth="1"/>
    <col min="2" max="2" width="35.44140625" style="3" customWidth="1"/>
    <col min="3" max="3" width="13.88671875" style="6" customWidth="1"/>
    <col min="4" max="4" width="28" style="3" customWidth="1"/>
    <col min="5" max="5" width="51.6640625" style="11" customWidth="1"/>
    <col min="6" max="6" width="30.88671875" style="13" customWidth="1"/>
    <col min="7" max="7" width="10.44140625" style="5" customWidth="1"/>
    <col min="8" max="12" width="7.88671875" style="5" customWidth="1"/>
    <col min="13" max="13" width="1.109375" style="3" customWidth="1"/>
    <col min="14" max="16384" width="9" style="3"/>
  </cols>
  <sheetData>
    <row r="1" spans="1:12" ht="19.2" x14ac:dyDescent="0.2">
      <c r="B1" s="17" t="s">
        <v>258</v>
      </c>
      <c r="C1" s="18"/>
      <c r="D1" s="19"/>
      <c r="E1" s="20"/>
      <c r="F1" s="21"/>
      <c r="G1" s="22"/>
      <c r="H1" s="23"/>
      <c r="I1" s="19"/>
      <c r="J1" s="19"/>
      <c r="K1" s="19"/>
      <c r="L1" s="19"/>
    </row>
    <row r="2" spans="1:12" ht="19.2" x14ac:dyDescent="0.2">
      <c r="B2" s="17" t="s">
        <v>677</v>
      </c>
      <c r="C2" s="18"/>
      <c r="D2" s="19"/>
      <c r="E2" s="20"/>
      <c r="F2" s="21"/>
      <c r="G2" s="22"/>
      <c r="H2" s="23"/>
      <c r="I2" s="19"/>
      <c r="J2" s="19"/>
      <c r="K2" s="19"/>
      <c r="L2" s="19"/>
    </row>
    <row r="3" spans="1:12" ht="19.2" x14ac:dyDescent="0.2">
      <c r="B3" s="17"/>
      <c r="C3" s="18"/>
      <c r="D3" s="19"/>
      <c r="E3" s="20"/>
      <c r="F3" s="21"/>
      <c r="G3" s="22"/>
      <c r="H3" s="23"/>
      <c r="I3" s="19"/>
      <c r="J3" s="19"/>
      <c r="K3" s="19"/>
      <c r="L3" s="19"/>
    </row>
    <row r="4" spans="1:12" ht="16.2" x14ac:dyDescent="0.2">
      <c r="B4" s="24" t="s">
        <v>257</v>
      </c>
      <c r="C4" s="18"/>
      <c r="D4" s="19"/>
      <c r="E4" s="20"/>
      <c r="F4" s="21"/>
      <c r="G4" s="22"/>
      <c r="H4" s="23"/>
      <c r="I4" s="19"/>
      <c r="J4" s="19"/>
      <c r="K4" s="19"/>
      <c r="L4" s="19"/>
    </row>
    <row r="5" spans="1:12" ht="16.2" x14ac:dyDescent="0.2">
      <c r="B5" s="24" t="s">
        <v>582</v>
      </c>
      <c r="C5" s="18"/>
      <c r="D5" s="19"/>
      <c r="E5" s="20"/>
      <c r="F5" s="21"/>
      <c r="G5" s="22"/>
      <c r="H5" s="23"/>
      <c r="I5" s="19"/>
      <c r="J5" s="19"/>
      <c r="K5" s="19"/>
      <c r="L5" s="19"/>
    </row>
    <row r="6" spans="1:12" ht="16.2" x14ac:dyDescent="0.2">
      <c r="B6" s="24" t="s">
        <v>583</v>
      </c>
      <c r="C6" s="18"/>
      <c r="D6" s="19"/>
      <c r="E6" s="20"/>
      <c r="F6" s="21"/>
      <c r="G6" s="22"/>
      <c r="H6" s="23"/>
      <c r="I6" s="19"/>
      <c r="J6" s="19"/>
      <c r="K6" s="19"/>
      <c r="L6" s="19"/>
    </row>
    <row r="7" spans="1:12" ht="16.2" x14ac:dyDescent="0.2">
      <c r="B7" s="24" t="s">
        <v>584</v>
      </c>
      <c r="C7" s="18"/>
      <c r="D7" s="19"/>
      <c r="E7" s="20"/>
      <c r="F7" s="21"/>
      <c r="G7" s="22"/>
      <c r="H7" s="23"/>
      <c r="I7" s="19"/>
      <c r="J7" s="19"/>
      <c r="K7" s="19"/>
      <c r="L7" s="19"/>
    </row>
    <row r="8" spans="1:12" ht="16.2" x14ac:dyDescent="0.2">
      <c r="B8" s="24" t="s">
        <v>407</v>
      </c>
      <c r="C8" s="18"/>
      <c r="D8" s="19"/>
      <c r="E8" s="20"/>
      <c r="F8" s="21"/>
      <c r="G8" s="22"/>
      <c r="H8" s="23"/>
      <c r="I8" s="19"/>
      <c r="J8" s="19"/>
      <c r="K8" s="19"/>
      <c r="L8" s="19"/>
    </row>
    <row r="9" spans="1:12" x14ac:dyDescent="0.2">
      <c r="B9" s="25"/>
      <c r="C9" s="23"/>
      <c r="D9" s="26"/>
      <c r="E9" s="26"/>
      <c r="F9" s="27"/>
      <c r="G9" s="19"/>
      <c r="H9" s="19"/>
      <c r="I9" s="19"/>
      <c r="J9" s="19"/>
      <c r="K9" s="19"/>
      <c r="L9" s="26" t="s">
        <v>678</v>
      </c>
    </row>
    <row r="10" spans="1:12" ht="38.4" x14ac:dyDescent="0.2">
      <c r="A10" s="16"/>
      <c r="B10" s="28" t="s">
        <v>11</v>
      </c>
      <c r="C10" s="28" t="s">
        <v>13</v>
      </c>
      <c r="D10" s="29" t="s">
        <v>87</v>
      </c>
      <c r="E10" s="29" t="s">
        <v>608</v>
      </c>
      <c r="F10" s="29" t="s">
        <v>403</v>
      </c>
      <c r="G10" s="28" t="s">
        <v>12</v>
      </c>
      <c r="H10" s="30" t="s">
        <v>589</v>
      </c>
      <c r="I10" s="30" t="s">
        <v>590</v>
      </c>
      <c r="J10" s="30" t="s">
        <v>591</v>
      </c>
      <c r="K10" s="30" t="s">
        <v>592</v>
      </c>
      <c r="L10" s="30" t="s">
        <v>593</v>
      </c>
    </row>
    <row r="11" spans="1:12" s="4" customFormat="1" ht="45" customHeight="1" x14ac:dyDescent="0.2">
      <c r="A11" s="1">
        <v>1</v>
      </c>
      <c r="B11" s="31" t="s">
        <v>409</v>
      </c>
      <c r="C11" s="32" t="s">
        <v>8</v>
      </c>
      <c r="D11" s="33" t="s">
        <v>107</v>
      </c>
      <c r="E11" s="34" t="s">
        <v>131</v>
      </c>
      <c r="F11" s="31" t="s">
        <v>259</v>
      </c>
      <c r="G11" s="35" t="s">
        <v>0</v>
      </c>
      <c r="H11" s="36" t="s">
        <v>564</v>
      </c>
      <c r="I11" s="37"/>
      <c r="J11" s="37"/>
      <c r="K11" s="35"/>
      <c r="L11" s="35"/>
    </row>
    <row r="12" spans="1:12" s="4" customFormat="1" ht="45" customHeight="1" x14ac:dyDescent="0.2">
      <c r="A12" s="2">
        <v>2</v>
      </c>
      <c r="B12" s="31" t="s">
        <v>410</v>
      </c>
      <c r="C12" s="32" t="s">
        <v>9</v>
      </c>
      <c r="D12" s="33" t="s">
        <v>119</v>
      </c>
      <c r="E12" s="34" t="s">
        <v>132</v>
      </c>
      <c r="F12" s="31" t="s">
        <v>277</v>
      </c>
      <c r="G12" s="35" t="s">
        <v>0</v>
      </c>
      <c r="H12" s="36" t="s">
        <v>675</v>
      </c>
      <c r="I12" s="37" t="s">
        <v>85</v>
      </c>
      <c r="J12" s="37"/>
      <c r="K12" s="35"/>
      <c r="L12" s="35"/>
    </row>
    <row r="13" spans="1:12" s="4" customFormat="1" ht="45" customHeight="1" x14ac:dyDescent="0.2">
      <c r="A13" s="2">
        <v>3</v>
      </c>
      <c r="B13" s="31" t="s">
        <v>411</v>
      </c>
      <c r="C13" s="32" t="s">
        <v>23</v>
      </c>
      <c r="D13" s="33" t="s">
        <v>91</v>
      </c>
      <c r="E13" s="34" t="s">
        <v>133</v>
      </c>
      <c r="F13" s="31" t="s">
        <v>260</v>
      </c>
      <c r="G13" s="35" t="s">
        <v>0</v>
      </c>
      <c r="H13" s="36" t="s">
        <v>675</v>
      </c>
      <c r="I13" s="37"/>
      <c r="J13" s="37"/>
      <c r="K13" s="35"/>
      <c r="L13" s="35"/>
    </row>
    <row r="14" spans="1:12" s="4" customFormat="1" ht="45" customHeight="1" x14ac:dyDescent="0.2">
      <c r="A14" s="1">
        <v>4</v>
      </c>
      <c r="B14" s="31" t="s">
        <v>412</v>
      </c>
      <c r="C14" s="32" t="s">
        <v>4</v>
      </c>
      <c r="D14" s="33" t="s">
        <v>126</v>
      </c>
      <c r="E14" s="34" t="s">
        <v>134</v>
      </c>
      <c r="F14" s="31" t="s">
        <v>261</v>
      </c>
      <c r="G14" s="35" t="s">
        <v>0</v>
      </c>
      <c r="H14" s="36" t="s">
        <v>675</v>
      </c>
      <c r="I14" s="38" t="s">
        <v>568</v>
      </c>
      <c r="J14" s="35"/>
      <c r="K14" s="35"/>
      <c r="L14" s="35"/>
    </row>
    <row r="15" spans="1:12" s="4" customFormat="1" ht="45" customHeight="1" x14ac:dyDescent="0.2">
      <c r="A15" s="2">
        <v>5</v>
      </c>
      <c r="B15" s="31" t="s">
        <v>413</v>
      </c>
      <c r="C15" s="32" t="s">
        <v>6</v>
      </c>
      <c r="D15" s="33" t="s">
        <v>107</v>
      </c>
      <c r="E15" s="34" t="s">
        <v>135</v>
      </c>
      <c r="F15" s="31" t="s">
        <v>262</v>
      </c>
      <c r="G15" s="35" t="s">
        <v>57</v>
      </c>
      <c r="H15" s="36" t="s">
        <v>675</v>
      </c>
      <c r="I15" s="37"/>
      <c r="J15" s="37"/>
      <c r="K15" s="35"/>
      <c r="L15" s="35"/>
    </row>
    <row r="16" spans="1:12" s="4" customFormat="1" ht="45" customHeight="1" x14ac:dyDescent="0.2">
      <c r="A16" s="1">
        <v>6</v>
      </c>
      <c r="B16" s="31" t="s">
        <v>414</v>
      </c>
      <c r="C16" s="32" t="s">
        <v>7</v>
      </c>
      <c r="D16" s="33" t="s">
        <v>124</v>
      </c>
      <c r="E16" s="34" t="s">
        <v>136</v>
      </c>
      <c r="F16" s="31" t="s">
        <v>278</v>
      </c>
      <c r="G16" s="35" t="s">
        <v>0</v>
      </c>
      <c r="H16" s="36" t="s">
        <v>675</v>
      </c>
      <c r="I16" s="37" t="s">
        <v>85</v>
      </c>
      <c r="J16" s="37"/>
      <c r="K16" s="35"/>
      <c r="L16" s="35"/>
    </row>
    <row r="17" spans="1:12" s="4" customFormat="1" ht="45" customHeight="1" x14ac:dyDescent="0.2">
      <c r="A17" s="1">
        <v>7</v>
      </c>
      <c r="B17" s="31" t="s">
        <v>415</v>
      </c>
      <c r="C17" s="32" t="s">
        <v>30</v>
      </c>
      <c r="D17" s="33" t="s">
        <v>115</v>
      </c>
      <c r="E17" s="34" t="s">
        <v>219</v>
      </c>
      <c r="F17" s="31" t="s">
        <v>263</v>
      </c>
      <c r="G17" s="35" t="s">
        <v>0</v>
      </c>
      <c r="H17" s="36" t="s">
        <v>675</v>
      </c>
      <c r="I17" s="37" t="s">
        <v>85</v>
      </c>
      <c r="J17" s="38" t="s">
        <v>581</v>
      </c>
      <c r="K17" s="35"/>
      <c r="L17" s="35"/>
    </row>
    <row r="18" spans="1:12" s="4" customFormat="1" ht="45" customHeight="1" x14ac:dyDescent="0.2">
      <c r="A18" s="2">
        <v>8</v>
      </c>
      <c r="B18" s="31" t="s">
        <v>416</v>
      </c>
      <c r="C18" s="32" t="s">
        <v>26</v>
      </c>
      <c r="D18" s="33" t="s">
        <v>107</v>
      </c>
      <c r="E18" s="34" t="s">
        <v>205</v>
      </c>
      <c r="F18" s="31" t="s">
        <v>264</v>
      </c>
      <c r="G18" s="35" t="s">
        <v>0</v>
      </c>
      <c r="H18" s="36" t="s">
        <v>675</v>
      </c>
      <c r="I18" s="37"/>
      <c r="J18" s="37"/>
      <c r="K18" s="35"/>
      <c r="L18" s="35"/>
    </row>
    <row r="19" spans="1:12" s="4" customFormat="1" ht="45" customHeight="1" x14ac:dyDescent="0.2">
      <c r="A19" s="1">
        <v>9</v>
      </c>
      <c r="B19" s="31" t="s">
        <v>417</v>
      </c>
      <c r="C19" s="32" t="s">
        <v>48</v>
      </c>
      <c r="D19" s="33" t="s">
        <v>128</v>
      </c>
      <c r="E19" s="34" t="s">
        <v>245</v>
      </c>
      <c r="F19" s="31" t="s">
        <v>265</v>
      </c>
      <c r="G19" s="35" t="s">
        <v>0</v>
      </c>
      <c r="H19" s="36" t="s">
        <v>675</v>
      </c>
      <c r="I19" s="37"/>
      <c r="J19" s="37"/>
      <c r="K19" s="35"/>
      <c r="L19" s="35"/>
    </row>
    <row r="20" spans="1:12" s="4" customFormat="1" ht="45" customHeight="1" x14ac:dyDescent="0.2">
      <c r="A20" s="1">
        <v>11</v>
      </c>
      <c r="B20" s="31" t="s">
        <v>418</v>
      </c>
      <c r="C20" s="32" t="s">
        <v>7</v>
      </c>
      <c r="D20" s="33" t="s">
        <v>92</v>
      </c>
      <c r="E20" s="34" t="s">
        <v>151</v>
      </c>
      <c r="F20" s="31" t="s">
        <v>266</v>
      </c>
      <c r="G20" s="35" t="s">
        <v>0</v>
      </c>
      <c r="H20" s="36" t="s">
        <v>675</v>
      </c>
      <c r="I20" s="37"/>
      <c r="J20" s="37"/>
      <c r="K20" s="35"/>
      <c r="L20" s="35"/>
    </row>
    <row r="21" spans="1:12" s="4" customFormat="1" ht="60" customHeight="1" x14ac:dyDescent="0.2">
      <c r="A21" s="2">
        <v>12</v>
      </c>
      <c r="B21" s="31" t="s">
        <v>419</v>
      </c>
      <c r="C21" s="32" t="s">
        <v>7</v>
      </c>
      <c r="D21" s="33" t="s">
        <v>128</v>
      </c>
      <c r="E21" s="34" t="s">
        <v>585</v>
      </c>
      <c r="F21" s="31" t="s">
        <v>267</v>
      </c>
      <c r="G21" s="35" t="s">
        <v>0</v>
      </c>
      <c r="H21" s="36" t="s">
        <v>675</v>
      </c>
      <c r="I21" s="37" t="s">
        <v>85</v>
      </c>
      <c r="J21" s="37"/>
      <c r="K21" s="35"/>
      <c r="L21" s="35"/>
    </row>
    <row r="22" spans="1:12" s="4" customFormat="1" ht="45" customHeight="1" x14ac:dyDescent="0.2">
      <c r="A22" s="1">
        <v>13</v>
      </c>
      <c r="B22" s="31" t="s">
        <v>420</v>
      </c>
      <c r="C22" s="32" t="s">
        <v>7</v>
      </c>
      <c r="D22" s="33" t="s">
        <v>114</v>
      </c>
      <c r="E22" s="34" t="s">
        <v>215</v>
      </c>
      <c r="F22" s="31" t="s">
        <v>279</v>
      </c>
      <c r="G22" s="35" t="s">
        <v>0</v>
      </c>
      <c r="H22" s="36" t="s">
        <v>675</v>
      </c>
      <c r="I22" s="37" t="s">
        <v>85</v>
      </c>
      <c r="J22" s="37"/>
      <c r="K22" s="35"/>
      <c r="L22" s="35"/>
    </row>
    <row r="23" spans="1:12" s="4" customFormat="1" ht="45" customHeight="1" x14ac:dyDescent="0.2">
      <c r="A23" s="1">
        <v>14</v>
      </c>
      <c r="B23" s="31" t="s">
        <v>421</v>
      </c>
      <c r="C23" s="32" t="s">
        <v>46</v>
      </c>
      <c r="D23" s="33" t="s">
        <v>93</v>
      </c>
      <c r="E23" s="34" t="s">
        <v>152</v>
      </c>
      <c r="F23" s="31" t="s">
        <v>268</v>
      </c>
      <c r="G23" s="35" t="s">
        <v>0</v>
      </c>
      <c r="H23" s="36" t="s">
        <v>675</v>
      </c>
      <c r="I23" s="37" t="s">
        <v>85</v>
      </c>
      <c r="J23" s="38" t="s">
        <v>579</v>
      </c>
      <c r="K23" s="38" t="s">
        <v>580</v>
      </c>
      <c r="L23" s="35"/>
    </row>
    <row r="24" spans="1:12" s="4" customFormat="1" ht="45" customHeight="1" x14ac:dyDescent="0.2">
      <c r="A24" s="2">
        <v>15</v>
      </c>
      <c r="B24" s="31" t="s">
        <v>422</v>
      </c>
      <c r="C24" s="32" t="s">
        <v>4</v>
      </c>
      <c r="D24" s="33" t="s">
        <v>114</v>
      </c>
      <c r="E24" s="34" t="s">
        <v>220</v>
      </c>
      <c r="F24" s="31" t="s">
        <v>280</v>
      </c>
      <c r="G24" s="35" t="s">
        <v>0</v>
      </c>
      <c r="H24" s="36" t="s">
        <v>675</v>
      </c>
      <c r="I24" s="38" t="s">
        <v>86</v>
      </c>
      <c r="J24" s="35"/>
      <c r="K24" s="35"/>
      <c r="L24" s="35"/>
    </row>
    <row r="25" spans="1:12" s="4" customFormat="1" ht="45" customHeight="1" x14ac:dyDescent="0.2">
      <c r="A25" s="2">
        <v>16</v>
      </c>
      <c r="B25" s="31" t="s">
        <v>423</v>
      </c>
      <c r="C25" s="32" t="s">
        <v>5</v>
      </c>
      <c r="D25" s="33" t="s">
        <v>115</v>
      </c>
      <c r="E25" s="34" t="s">
        <v>215</v>
      </c>
      <c r="F25" s="31" t="s">
        <v>281</v>
      </c>
      <c r="G25" s="35" t="s">
        <v>0</v>
      </c>
      <c r="H25" s="36" t="s">
        <v>675</v>
      </c>
      <c r="I25" s="37" t="s">
        <v>85</v>
      </c>
      <c r="J25" s="38" t="s">
        <v>570</v>
      </c>
      <c r="K25" s="35"/>
      <c r="L25" s="35"/>
    </row>
    <row r="26" spans="1:12" s="4" customFormat="1" ht="60" customHeight="1" x14ac:dyDescent="0.2">
      <c r="A26" s="1">
        <v>17</v>
      </c>
      <c r="B26" s="31" t="s">
        <v>424</v>
      </c>
      <c r="C26" s="32" t="s">
        <v>50</v>
      </c>
      <c r="D26" s="33" t="s">
        <v>102</v>
      </c>
      <c r="E26" s="34" t="s">
        <v>198</v>
      </c>
      <c r="F26" s="31" t="s">
        <v>269</v>
      </c>
      <c r="G26" s="35" t="s">
        <v>0</v>
      </c>
      <c r="H26" s="36" t="s">
        <v>675</v>
      </c>
      <c r="I26" s="37"/>
      <c r="J26" s="37"/>
      <c r="K26" s="35"/>
      <c r="L26" s="35"/>
    </row>
    <row r="27" spans="1:12" s="4" customFormat="1" ht="45" customHeight="1" x14ac:dyDescent="0.2">
      <c r="A27" s="2">
        <v>18</v>
      </c>
      <c r="B27" s="31" t="s">
        <v>425</v>
      </c>
      <c r="C27" s="32" t="s">
        <v>5</v>
      </c>
      <c r="D27" s="33" t="s">
        <v>99</v>
      </c>
      <c r="E27" s="34" t="s">
        <v>190</v>
      </c>
      <c r="F27" s="31" t="s">
        <v>270</v>
      </c>
      <c r="G27" s="35" t="s">
        <v>0</v>
      </c>
      <c r="H27" s="36" t="s">
        <v>675</v>
      </c>
      <c r="I27" s="37"/>
      <c r="J27" s="37"/>
      <c r="K27" s="35"/>
      <c r="L27" s="35"/>
    </row>
    <row r="28" spans="1:12" s="4" customFormat="1" ht="45" customHeight="1" x14ac:dyDescent="0.2">
      <c r="A28" s="1">
        <v>19</v>
      </c>
      <c r="B28" s="31" t="s">
        <v>426</v>
      </c>
      <c r="C28" s="32" t="s">
        <v>6</v>
      </c>
      <c r="D28" s="33" t="s">
        <v>97</v>
      </c>
      <c r="E28" s="34" t="s">
        <v>186</v>
      </c>
      <c r="F28" s="31" t="s">
        <v>273</v>
      </c>
      <c r="G28" s="35" t="s">
        <v>57</v>
      </c>
      <c r="H28" s="36" t="s">
        <v>675</v>
      </c>
      <c r="I28" s="37"/>
      <c r="J28" s="37"/>
      <c r="K28" s="35"/>
      <c r="L28" s="35"/>
    </row>
    <row r="29" spans="1:12" s="4" customFormat="1" ht="45" customHeight="1" x14ac:dyDescent="0.2">
      <c r="A29" s="1">
        <v>20</v>
      </c>
      <c r="B29" s="39" t="s">
        <v>427</v>
      </c>
      <c r="C29" s="32" t="s">
        <v>53</v>
      </c>
      <c r="D29" s="33" t="s">
        <v>91</v>
      </c>
      <c r="E29" s="34" t="s">
        <v>253</v>
      </c>
      <c r="F29" s="31" t="s">
        <v>274</v>
      </c>
      <c r="G29" s="35" t="s">
        <v>0</v>
      </c>
      <c r="H29" s="36" t="s">
        <v>675</v>
      </c>
      <c r="I29" s="37"/>
      <c r="J29" s="37"/>
      <c r="K29" s="35"/>
      <c r="L29" s="35"/>
    </row>
    <row r="30" spans="1:12" s="4" customFormat="1" ht="45" customHeight="1" x14ac:dyDescent="0.2">
      <c r="A30" s="2">
        <v>21</v>
      </c>
      <c r="B30" s="31" t="s">
        <v>428</v>
      </c>
      <c r="C30" s="32" t="s">
        <v>4</v>
      </c>
      <c r="D30" s="33" t="s">
        <v>115</v>
      </c>
      <c r="E30" s="34" t="s">
        <v>215</v>
      </c>
      <c r="F30" s="31" t="s">
        <v>275</v>
      </c>
      <c r="G30" s="35" t="s">
        <v>0</v>
      </c>
      <c r="H30" s="36" t="s">
        <v>675</v>
      </c>
      <c r="I30" s="37" t="s">
        <v>85</v>
      </c>
      <c r="J30" s="37"/>
      <c r="K30" s="35"/>
      <c r="L30" s="35"/>
    </row>
    <row r="31" spans="1:12" s="4" customFormat="1" ht="45" customHeight="1" x14ac:dyDescent="0.2">
      <c r="A31" s="1">
        <v>22</v>
      </c>
      <c r="B31" s="31" t="s">
        <v>429</v>
      </c>
      <c r="C31" s="32" t="s">
        <v>4</v>
      </c>
      <c r="D31" s="33" t="s">
        <v>119</v>
      </c>
      <c r="E31" s="34" t="s">
        <v>235</v>
      </c>
      <c r="F31" s="31" t="s">
        <v>271</v>
      </c>
      <c r="G31" s="35" t="s">
        <v>0</v>
      </c>
      <c r="H31" s="36" t="s">
        <v>675</v>
      </c>
      <c r="I31" s="38" t="s">
        <v>86</v>
      </c>
      <c r="J31" s="35"/>
      <c r="K31" s="35"/>
      <c r="L31" s="35"/>
    </row>
    <row r="32" spans="1:12" s="4" customFormat="1" ht="60" customHeight="1" x14ac:dyDescent="0.2">
      <c r="A32" s="1">
        <v>23</v>
      </c>
      <c r="B32" s="31" t="s">
        <v>430</v>
      </c>
      <c r="C32" s="32" t="s">
        <v>49</v>
      </c>
      <c r="D32" s="33" t="s">
        <v>92</v>
      </c>
      <c r="E32" s="34" t="s">
        <v>168</v>
      </c>
      <c r="F32" s="31" t="s">
        <v>272</v>
      </c>
      <c r="G32" s="35" t="s">
        <v>0</v>
      </c>
      <c r="H32" s="36" t="s">
        <v>675</v>
      </c>
      <c r="I32" s="37" t="s">
        <v>85</v>
      </c>
      <c r="J32" s="38" t="s">
        <v>579</v>
      </c>
      <c r="K32" s="35"/>
      <c r="L32" s="35"/>
    </row>
    <row r="33" spans="1:12" s="4" customFormat="1" ht="60" customHeight="1" x14ac:dyDescent="0.2">
      <c r="A33" s="1">
        <v>24</v>
      </c>
      <c r="B33" s="31" t="s">
        <v>431</v>
      </c>
      <c r="C33" s="32" t="s">
        <v>18</v>
      </c>
      <c r="D33" s="33" t="s">
        <v>92</v>
      </c>
      <c r="E33" s="34" t="s">
        <v>173</v>
      </c>
      <c r="F33" s="31" t="s">
        <v>276</v>
      </c>
      <c r="G33" s="35" t="s">
        <v>0</v>
      </c>
      <c r="H33" s="36" t="s">
        <v>675</v>
      </c>
      <c r="I33" s="37"/>
      <c r="J33" s="37"/>
      <c r="K33" s="35"/>
      <c r="L33" s="35"/>
    </row>
    <row r="34" spans="1:12" s="4" customFormat="1" ht="60" customHeight="1" x14ac:dyDescent="0.2">
      <c r="A34" s="2">
        <v>25</v>
      </c>
      <c r="B34" s="31" t="s">
        <v>625</v>
      </c>
      <c r="C34" s="32" t="s">
        <v>26</v>
      </c>
      <c r="D34" s="33" t="s">
        <v>130</v>
      </c>
      <c r="E34" s="34" t="s">
        <v>252</v>
      </c>
      <c r="F34" s="31" t="s">
        <v>282</v>
      </c>
      <c r="G34" s="35" t="s">
        <v>1</v>
      </c>
      <c r="H34" s="36" t="s">
        <v>620</v>
      </c>
      <c r="I34" s="37" t="s">
        <v>85</v>
      </c>
      <c r="J34" s="37"/>
      <c r="K34" s="35"/>
      <c r="L34" s="35"/>
    </row>
    <row r="35" spans="1:12" s="4" customFormat="1" ht="45" customHeight="1" x14ac:dyDescent="0.2">
      <c r="A35" s="1">
        <v>26</v>
      </c>
      <c r="B35" s="31" t="s">
        <v>432</v>
      </c>
      <c r="C35" s="32" t="s">
        <v>45</v>
      </c>
      <c r="D35" s="33" t="s">
        <v>129</v>
      </c>
      <c r="E35" s="34" t="s">
        <v>247</v>
      </c>
      <c r="F35" s="31" t="s">
        <v>283</v>
      </c>
      <c r="G35" s="35" t="s">
        <v>0</v>
      </c>
      <c r="H35" s="36" t="s">
        <v>675</v>
      </c>
      <c r="I35" s="37" t="s">
        <v>85</v>
      </c>
      <c r="J35" s="38" t="s">
        <v>576</v>
      </c>
      <c r="K35" s="35"/>
      <c r="L35" s="35"/>
    </row>
    <row r="36" spans="1:12" s="4" customFormat="1" ht="45" customHeight="1" x14ac:dyDescent="0.2">
      <c r="A36" s="1">
        <v>27</v>
      </c>
      <c r="B36" s="31" t="s">
        <v>433</v>
      </c>
      <c r="C36" s="32" t="s">
        <v>8</v>
      </c>
      <c r="D36" s="33" t="s">
        <v>91</v>
      </c>
      <c r="E36" s="34" t="s">
        <v>159</v>
      </c>
      <c r="F36" s="31" t="s">
        <v>284</v>
      </c>
      <c r="G36" s="35" t="s">
        <v>0</v>
      </c>
      <c r="H36" s="36" t="s">
        <v>675</v>
      </c>
      <c r="I36" s="37" t="s">
        <v>85</v>
      </c>
      <c r="J36" s="38" t="s">
        <v>578</v>
      </c>
      <c r="K36" s="35"/>
      <c r="L36" s="35"/>
    </row>
    <row r="37" spans="1:12" s="4" customFormat="1" ht="60" customHeight="1" x14ac:dyDescent="0.2">
      <c r="A37" s="2">
        <v>28</v>
      </c>
      <c r="B37" s="31" t="s">
        <v>434</v>
      </c>
      <c r="C37" s="32" t="s">
        <v>9</v>
      </c>
      <c r="D37" s="33" t="s">
        <v>91</v>
      </c>
      <c r="E37" s="34" t="s">
        <v>169</v>
      </c>
      <c r="F37" s="31" t="s">
        <v>285</v>
      </c>
      <c r="G37" s="35" t="s">
        <v>0</v>
      </c>
      <c r="H37" s="36" t="s">
        <v>675</v>
      </c>
      <c r="I37" s="37" t="s">
        <v>85</v>
      </c>
      <c r="J37" s="38" t="s">
        <v>575</v>
      </c>
      <c r="K37" s="35"/>
      <c r="L37" s="35"/>
    </row>
    <row r="38" spans="1:12" s="4" customFormat="1" ht="45" customHeight="1" x14ac:dyDescent="0.2">
      <c r="A38" s="2">
        <v>29</v>
      </c>
      <c r="B38" s="31" t="s">
        <v>435</v>
      </c>
      <c r="C38" s="32" t="s">
        <v>63</v>
      </c>
      <c r="D38" s="33" t="s">
        <v>97</v>
      </c>
      <c r="E38" s="34" t="s">
        <v>188</v>
      </c>
      <c r="F38" s="31" t="s">
        <v>286</v>
      </c>
      <c r="G38" s="35" t="s">
        <v>0</v>
      </c>
      <c r="H38" s="36" t="s">
        <v>675</v>
      </c>
      <c r="I38" s="37" t="s">
        <v>85</v>
      </c>
      <c r="J38" s="37"/>
      <c r="K38" s="35"/>
      <c r="L38" s="35"/>
    </row>
    <row r="39" spans="1:12" s="4" customFormat="1" ht="60" customHeight="1" x14ac:dyDescent="0.2">
      <c r="A39" s="1">
        <v>30</v>
      </c>
      <c r="B39" s="31" t="s">
        <v>436</v>
      </c>
      <c r="C39" s="32" t="s">
        <v>8</v>
      </c>
      <c r="D39" s="33" t="s">
        <v>97</v>
      </c>
      <c r="E39" s="34" t="s">
        <v>189</v>
      </c>
      <c r="F39" s="31" t="s">
        <v>287</v>
      </c>
      <c r="G39" s="35" t="s">
        <v>0</v>
      </c>
      <c r="H39" s="36" t="s">
        <v>675</v>
      </c>
      <c r="I39" s="37"/>
      <c r="J39" s="37"/>
      <c r="K39" s="35"/>
      <c r="L39" s="35"/>
    </row>
    <row r="40" spans="1:12" s="4" customFormat="1" ht="60" customHeight="1" x14ac:dyDescent="0.2">
      <c r="A40" s="2">
        <v>31</v>
      </c>
      <c r="B40" s="31" t="s">
        <v>437</v>
      </c>
      <c r="C40" s="32" t="s">
        <v>55</v>
      </c>
      <c r="D40" s="33" t="s">
        <v>115</v>
      </c>
      <c r="E40" s="34" t="s">
        <v>254</v>
      </c>
      <c r="F40" s="31" t="s">
        <v>288</v>
      </c>
      <c r="G40" s="35" t="s">
        <v>0</v>
      </c>
      <c r="H40" s="36" t="s">
        <v>675</v>
      </c>
      <c r="I40" s="37"/>
      <c r="J40" s="37"/>
      <c r="K40" s="35"/>
      <c r="L40" s="35"/>
    </row>
    <row r="41" spans="1:12" s="4" customFormat="1" ht="60" customHeight="1" x14ac:dyDescent="0.2">
      <c r="A41" s="1">
        <v>32</v>
      </c>
      <c r="B41" s="31" t="s">
        <v>438</v>
      </c>
      <c r="C41" s="32" t="s">
        <v>45</v>
      </c>
      <c r="D41" s="33" t="s">
        <v>119</v>
      </c>
      <c r="E41" s="34" t="s">
        <v>229</v>
      </c>
      <c r="F41" s="31" t="s">
        <v>289</v>
      </c>
      <c r="G41" s="35" t="s">
        <v>0</v>
      </c>
      <c r="H41" s="36" t="s">
        <v>675</v>
      </c>
      <c r="I41" s="37"/>
      <c r="J41" s="37"/>
      <c r="K41" s="35"/>
      <c r="L41" s="35"/>
    </row>
    <row r="42" spans="1:12" s="4" customFormat="1" ht="45" customHeight="1" x14ac:dyDescent="0.2">
      <c r="A42" s="1">
        <v>33</v>
      </c>
      <c r="B42" s="31" t="s">
        <v>439</v>
      </c>
      <c r="C42" s="32" t="s">
        <v>7</v>
      </c>
      <c r="D42" s="33" t="s">
        <v>104</v>
      </c>
      <c r="E42" s="34" t="s">
        <v>199</v>
      </c>
      <c r="F42" s="31" t="s">
        <v>291</v>
      </c>
      <c r="G42" s="35" t="s">
        <v>0</v>
      </c>
      <c r="H42" s="36" t="s">
        <v>675</v>
      </c>
      <c r="I42" s="37"/>
      <c r="J42" s="37"/>
      <c r="K42" s="35"/>
      <c r="L42" s="35"/>
    </row>
    <row r="43" spans="1:12" s="4" customFormat="1" ht="60" customHeight="1" x14ac:dyDescent="0.2">
      <c r="A43" s="2">
        <v>34</v>
      </c>
      <c r="B43" s="31" t="s">
        <v>440</v>
      </c>
      <c r="C43" s="32" t="s">
        <v>61</v>
      </c>
      <c r="D43" s="33" t="s">
        <v>121</v>
      </c>
      <c r="E43" s="34" t="s">
        <v>238</v>
      </c>
      <c r="F43" s="31" t="s">
        <v>290</v>
      </c>
      <c r="G43" s="35" t="s">
        <v>57</v>
      </c>
      <c r="H43" s="36" t="s">
        <v>675</v>
      </c>
      <c r="I43" s="37" t="s">
        <v>85</v>
      </c>
      <c r="J43" s="38" t="s">
        <v>571</v>
      </c>
      <c r="K43" s="35"/>
      <c r="L43" s="35"/>
    </row>
    <row r="44" spans="1:12" s="4" customFormat="1" ht="60" customHeight="1" x14ac:dyDescent="0.2">
      <c r="A44" s="1">
        <v>35</v>
      </c>
      <c r="B44" s="31" t="s">
        <v>441</v>
      </c>
      <c r="C44" s="32" t="s">
        <v>53</v>
      </c>
      <c r="D44" s="33" t="s">
        <v>102</v>
      </c>
      <c r="E44" s="34" t="s">
        <v>194</v>
      </c>
      <c r="F44" s="31" t="s">
        <v>292</v>
      </c>
      <c r="G44" s="35" t="s">
        <v>0</v>
      </c>
      <c r="H44" s="36" t="s">
        <v>675</v>
      </c>
      <c r="I44" s="37" t="s">
        <v>85</v>
      </c>
      <c r="J44" s="37"/>
      <c r="K44" s="35"/>
      <c r="L44" s="35"/>
    </row>
    <row r="45" spans="1:12" s="4" customFormat="1" ht="60" customHeight="1" x14ac:dyDescent="0.2">
      <c r="A45" s="1">
        <v>36</v>
      </c>
      <c r="B45" s="31" t="s">
        <v>442</v>
      </c>
      <c r="C45" s="32" t="s">
        <v>50</v>
      </c>
      <c r="D45" s="33" t="s">
        <v>97</v>
      </c>
      <c r="E45" s="34" t="s">
        <v>179</v>
      </c>
      <c r="F45" s="31" t="s">
        <v>293</v>
      </c>
      <c r="G45" s="35" t="s">
        <v>0</v>
      </c>
      <c r="H45" s="36" t="s">
        <v>675</v>
      </c>
      <c r="I45" s="37" t="s">
        <v>85</v>
      </c>
      <c r="J45" s="38" t="s">
        <v>576</v>
      </c>
      <c r="K45" s="35"/>
      <c r="L45" s="35"/>
    </row>
    <row r="46" spans="1:12" s="4" customFormat="1" ht="60" customHeight="1" x14ac:dyDescent="0.2">
      <c r="A46" s="2">
        <v>38</v>
      </c>
      <c r="B46" s="31" t="s">
        <v>655</v>
      </c>
      <c r="C46" s="32" t="s">
        <v>69</v>
      </c>
      <c r="D46" s="33" t="s">
        <v>91</v>
      </c>
      <c r="E46" s="34" t="s">
        <v>147</v>
      </c>
      <c r="F46" s="31" t="s">
        <v>294</v>
      </c>
      <c r="G46" s="35" t="s">
        <v>0</v>
      </c>
      <c r="H46" s="36" t="s">
        <v>675</v>
      </c>
      <c r="I46" s="37" t="s">
        <v>85</v>
      </c>
      <c r="J46" s="38" t="s">
        <v>570</v>
      </c>
      <c r="K46" s="38" t="s">
        <v>576</v>
      </c>
      <c r="L46" s="38" t="s">
        <v>577</v>
      </c>
    </row>
    <row r="47" spans="1:12" s="4" customFormat="1" ht="60" customHeight="1" x14ac:dyDescent="0.2">
      <c r="A47" s="1">
        <v>39</v>
      </c>
      <c r="B47" s="31" t="s">
        <v>443</v>
      </c>
      <c r="C47" s="32" t="s">
        <v>73</v>
      </c>
      <c r="D47" s="33" t="s">
        <v>92</v>
      </c>
      <c r="E47" s="34" t="s">
        <v>141</v>
      </c>
      <c r="F47" s="31" t="s">
        <v>295</v>
      </c>
      <c r="G47" s="35" t="s">
        <v>0</v>
      </c>
      <c r="H47" s="36" t="s">
        <v>675</v>
      </c>
      <c r="I47" s="37"/>
      <c r="J47" s="37"/>
      <c r="K47" s="35"/>
      <c r="L47" s="35"/>
    </row>
    <row r="48" spans="1:12" s="4" customFormat="1" ht="60" customHeight="1" x14ac:dyDescent="0.2">
      <c r="A48" s="1">
        <v>40</v>
      </c>
      <c r="B48" s="31" t="s">
        <v>444</v>
      </c>
      <c r="C48" s="32" t="s">
        <v>77</v>
      </c>
      <c r="D48" s="33" t="s">
        <v>107</v>
      </c>
      <c r="E48" s="34" t="s">
        <v>203</v>
      </c>
      <c r="F48" s="31" t="s">
        <v>371</v>
      </c>
      <c r="G48" s="35" t="s">
        <v>0</v>
      </c>
      <c r="H48" s="36" t="s">
        <v>675</v>
      </c>
      <c r="I48" s="37"/>
      <c r="J48" s="37"/>
      <c r="K48" s="35"/>
      <c r="L48" s="35"/>
    </row>
    <row r="49" spans="1:12" s="4" customFormat="1" ht="60" customHeight="1" x14ac:dyDescent="0.2">
      <c r="A49" s="2">
        <v>41</v>
      </c>
      <c r="B49" s="31" t="s">
        <v>445</v>
      </c>
      <c r="C49" s="32" t="s">
        <v>73</v>
      </c>
      <c r="D49" s="33" t="s">
        <v>107</v>
      </c>
      <c r="E49" s="34" t="s">
        <v>204</v>
      </c>
      <c r="F49" s="31" t="s">
        <v>355</v>
      </c>
      <c r="G49" s="35" t="s">
        <v>0</v>
      </c>
      <c r="H49" s="36" t="s">
        <v>675</v>
      </c>
      <c r="I49" s="37" t="s">
        <v>85</v>
      </c>
      <c r="J49" s="37"/>
      <c r="K49" s="35"/>
      <c r="L49" s="35"/>
    </row>
    <row r="50" spans="1:12" s="4" customFormat="1" ht="45" customHeight="1" x14ac:dyDescent="0.2">
      <c r="A50" s="2">
        <v>42</v>
      </c>
      <c r="B50" s="31" t="s">
        <v>446</v>
      </c>
      <c r="C50" s="32" t="s">
        <v>9</v>
      </c>
      <c r="D50" s="33" t="s">
        <v>115</v>
      </c>
      <c r="E50" s="34" t="s">
        <v>215</v>
      </c>
      <c r="F50" s="31" t="s">
        <v>393</v>
      </c>
      <c r="G50" s="35" t="s">
        <v>0</v>
      </c>
      <c r="H50" s="36" t="s">
        <v>675</v>
      </c>
      <c r="I50" s="37" t="s">
        <v>85</v>
      </c>
      <c r="J50" s="38" t="s">
        <v>575</v>
      </c>
      <c r="K50" s="35"/>
      <c r="L50" s="35"/>
    </row>
    <row r="51" spans="1:12" s="4" customFormat="1" ht="60" customHeight="1" x14ac:dyDescent="0.2">
      <c r="A51" s="1">
        <v>43</v>
      </c>
      <c r="B51" s="31" t="s">
        <v>447</v>
      </c>
      <c r="C51" s="32" t="s">
        <v>6</v>
      </c>
      <c r="D51" s="33" t="s">
        <v>119</v>
      </c>
      <c r="E51" s="34" t="s">
        <v>224</v>
      </c>
      <c r="F51" s="31" t="s">
        <v>374</v>
      </c>
      <c r="G51" s="35" t="s">
        <v>0</v>
      </c>
      <c r="H51" s="36" t="s">
        <v>675</v>
      </c>
      <c r="I51" s="37"/>
      <c r="J51" s="37"/>
      <c r="K51" s="35"/>
      <c r="L51" s="35"/>
    </row>
    <row r="52" spans="1:12" s="4" customFormat="1" ht="60" customHeight="1" x14ac:dyDescent="0.2">
      <c r="A52" s="2">
        <v>44</v>
      </c>
      <c r="B52" s="31" t="s">
        <v>448</v>
      </c>
      <c r="C52" s="32" t="s">
        <v>75</v>
      </c>
      <c r="D52" s="33" t="s">
        <v>106</v>
      </c>
      <c r="E52" s="34" t="s">
        <v>202</v>
      </c>
      <c r="F52" s="31" t="s">
        <v>360</v>
      </c>
      <c r="G52" s="35" t="s">
        <v>0</v>
      </c>
      <c r="H52" s="36" t="s">
        <v>675</v>
      </c>
      <c r="I52" s="37" t="s">
        <v>85</v>
      </c>
      <c r="J52" s="38" t="s">
        <v>574</v>
      </c>
      <c r="K52" s="35"/>
      <c r="L52" s="35"/>
    </row>
    <row r="53" spans="1:12" s="4" customFormat="1" ht="75" customHeight="1" x14ac:dyDescent="0.2">
      <c r="A53" s="1">
        <v>45</v>
      </c>
      <c r="B53" s="31" t="s">
        <v>449</v>
      </c>
      <c r="C53" s="32" t="s">
        <v>77</v>
      </c>
      <c r="D53" s="33" t="s">
        <v>105</v>
      </c>
      <c r="E53" s="34" t="s">
        <v>408</v>
      </c>
      <c r="F53" s="31" t="s">
        <v>375</v>
      </c>
      <c r="G53" s="35" t="s">
        <v>0</v>
      </c>
      <c r="H53" s="36" t="s">
        <v>675</v>
      </c>
      <c r="I53" s="37"/>
      <c r="J53" s="37"/>
      <c r="K53" s="35"/>
      <c r="L53" s="35"/>
    </row>
    <row r="54" spans="1:12" s="4" customFormat="1" ht="75" customHeight="1" x14ac:dyDescent="0.2">
      <c r="A54" s="1">
        <v>46</v>
      </c>
      <c r="B54" s="31" t="s">
        <v>450</v>
      </c>
      <c r="C54" s="32" t="s">
        <v>10</v>
      </c>
      <c r="D54" s="33" t="s">
        <v>113</v>
      </c>
      <c r="E54" s="34" t="s">
        <v>213</v>
      </c>
      <c r="F54" s="31" t="s">
        <v>392</v>
      </c>
      <c r="G54" s="35" t="s">
        <v>0</v>
      </c>
      <c r="H54" s="36" t="s">
        <v>675</v>
      </c>
      <c r="I54" s="37"/>
      <c r="J54" s="37"/>
      <c r="K54" s="35"/>
      <c r="L54" s="35"/>
    </row>
    <row r="55" spans="1:12" s="4" customFormat="1" ht="60" customHeight="1" x14ac:dyDescent="0.2">
      <c r="A55" s="2">
        <v>47</v>
      </c>
      <c r="B55" s="40" t="s">
        <v>645</v>
      </c>
      <c r="C55" s="41" t="s">
        <v>646</v>
      </c>
      <c r="D55" s="42" t="s">
        <v>114</v>
      </c>
      <c r="E55" s="34" t="s">
        <v>650</v>
      </c>
      <c r="F55" s="43" t="s">
        <v>651</v>
      </c>
      <c r="G55" s="35" t="s">
        <v>0</v>
      </c>
      <c r="H55" s="36" t="s">
        <v>675</v>
      </c>
      <c r="I55" s="37"/>
      <c r="J55" s="37"/>
      <c r="K55" s="35"/>
      <c r="L55" s="35"/>
    </row>
    <row r="56" spans="1:12" s="4" customFormat="1" ht="75" customHeight="1" x14ac:dyDescent="0.2">
      <c r="A56" s="1">
        <v>48</v>
      </c>
      <c r="B56" s="40" t="s">
        <v>617</v>
      </c>
      <c r="C56" s="32" t="s">
        <v>7</v>
      </c>
      <c r="D56" s="42" t="s">
        <v>91</v>
      </c>
      <c r="E56" s="34" t="s">
        <v>652</v>
      </c>
      <c r="F56" s="44" t="s">
        <v>649</v>
      </c>
      <c r="G56" s="35" t="s">
        <v>0</v>
      </c>
      <c r="H56" s="36" t="s">
        <v>618</v>
      </c>
      <c r="I56" s="37"/>
      <c r="J56" s="37"/>
      <c r="K56" s="35"/>
      <c r="L56" s="35"/>
    </row>
    <row r="57" spans="1:12" s="4" customFormat="1" ht="45" customHeight="1" x14ac:dyDescent="0.2">
      <c r="A57" s="1">
        <v>49</v>
      </c>
      <c r="B57" s="31" t="s">
        <v>451</v>
      </c>
      <c r="C57" s="32" t="s">
        <v>25</v>
      </c>
      <c r="D57" s="33" t="s">
        <v>115</v>
      </c>
      <c r="E57" s="34" t="s">
        <v>216</v>
      </c>
      <c r="F57" s="31" t="s">
        <v>376</v>
      </c>
      <c r="G57" s="35" t="s">
        <v>1</v>
      </c>
      <c r="H57" s="36" t="s">
        <v>620</v>
      </c>
      <c r="I57" s="37"/>
      <c r="J57" s="37"/>
      <c r="K57" s="35"/>
      <c r="L57" s="35"/>
    </row>
    <row r="58" spans="1:12" s="4" customFormat="1" ht="45" customHeight="1" x14ac:dyDescent="0.2">
      <c r="A58" s="1">
        <v>50</v>
      </c>
      <c r="B58" s="31" t="s">
        <v>452</v>
      </c>
      <c r="C58" s="32" t="s">
        <v>18</v>
      </c>
      <c r="D58" s="33" t="s">
        <v>120</v>
      </c>
      <c r="E58" s="34" t="s">
        <v>230</v>
      </c>
      <c r="F58" s="31" t="s">
        <v>377</v>
      </c>
      <c r="G58" s="35" t="s">
        <v>1</v>
      </c>
      <c r="H58" s="36" t="s">
        <v>620</v>
      </c>
      <c r="I58" s="37"/>
      <c r="J58" s="37"/>
      <c r="K58" s="35"/>
      <c r="L58" s="35"/>
    </row>
    <row r="59" spans="1:12" s="4" customFormat="1" ht="45" customHeight="1" x14ac:dyDescent="0.2">
      <c r="A59" s="2">
        <v>51</v>
      </c>
      <c r="B59" s="31" t="s">
        <v>453</v>
      </c>
      <c r="C59" s="32" t="s">
        <v>26</v>
      </c>
      <c r="D59" s="33" t="s">
        <v>109</v>
      </c>
      <c r="E59" s="34" t="s">
        <v>210</v>
      </c>
      <c r="F59" s="31" t="s">
        <v>378</v>
      </c>
      <c r="G59" s="35" t="s">
        <v>1</v>
      </c>
      <c r="H59" s="36" t="s">
        <v>620</v>
      </c>
      <c r="I59" s="38" t="s">
        <v>566</v>
      </c>
      <c r="J59" s="35"/>
      <c r="K59" s="35"/>
      <c r="L59" s="35"/>
    </row>
    <row r="60" spans="1:12" s="4" customFormat="1" ht="45" customHeight="1" x14ac:dyDescent="0.2">
      <c r="A60" s="1">
        <v>52</v>
      </c>
      <c r="B60" s="31" t="s">
        <v>454</v>
      </c>
      <c r="C60" s="32" t="s">
        <v>26</v>
      </c>
      <c r="D60" s="33" t="s">
        <v>114</v>
      </c>
      <c r="E60" s="34" t="s">
        <v>217</v>
      </c>
      <c r="F60" s="31" t="s">
        <v>379</v>
      </c>
      <c r="G60" s="35" t="s">
        <v>1</v>
      </c>
      <c r="H60" s="36" t="s">
        <v>620</v>
      </c>
      <c r="I60" s="37"/>
      <c r="J60" s="37"/>
      <c r="K60" s="35"/>
      <c r="L60" s="35"/>
    </row>
    <row r="61" spans="1:12" s="4" customFormat="1" ht="60" customHeight="1" x14ac:dyDescent="0.2">
      <c r="A61" s="1">
        <v>53</v>
      </c>
      <c r="B61" s="31" t="s">
        <v>455</v>
      </c>
      <c r="C61" s="32" t="s">
        <v>26</v>
      </c>
      <c r="D61" s="33" t="s">
        <v>108</v>
      </c>
      <c r="E61" s="34" t="s">
        <v>209</v>
      </c>
      <c r="F61" s="31" t="s">
        <v>380</v>
      </c>
      <c r="G61" s="35" t="s">
        <v>1</v>
      </c>
      <c r="H61" s="36" t="s">
        <v>620</v>
      </c>
      <c r="I61" s="37"/>
      <c r="J61" s="37"/>
      <c r="K61" s="35"/>
      <c r="L61" s="35"/>
    </row>
    <row r="62" spans="1:12" s="4" customFormat="1" ht="45" customHeight="1" x14ac:dyDescent="0.2">
      <c r="A62" s="2">
        <v>54</v>
      </c>
      <c r="B62" s="31" t="s">
        <v>456</v>
      </c>
      <c r="C62" s="32" t="s">
        <v>18</v>
      </c>
      <c r="D62" s="33" t="s">
        <v>114</v>
      </c>
      <c r="E62" s="34" t="s">
        <v>218</v>
      </c>
      <c r="F62" s="31" t="s">
        <v>381</v>
      </c>
      <c r="G62" s="35" t="s">
        <v>1</v>
      </c>
      <c r="H62" s="36" t="s">
        <v>620</v>
      </c>
      <c r="I62" s="37"/>
      <c r="J62" s="37"/>
      <c r="K62" s="35"/>
      <c r="L62" s="35"/>
    </row>
    <row r="63" spans="1:12" s="4" customFormat="1" ht="45" customHeight="1" x14ac:dyDescent="0.2">
      <c r="A63" s="2">
        <v>55</v>
      </c>
      <c r="B63" s="31" t="s">
        <v>457</v>
      </c>
      <c r="C63" s="32" t="s">
        <v>26</v>
      </c>
      <c r="D63" s="33" t="s">
        <v>125</v>
      </c>
      <c r="E63" s="34" t="s">
        <v>243</v>
      </c>
      <c r="F63" s="31" t="s">
        <v>382</v>
      </c>
      <c r="G63" s="35" t="s">
        <v>1</v>
      </c>
      <c r="H63" s="36" t="s">
        <v>620</v>
      </c>
      <c r="I63" s="37"/>
      <c r="J63" s="37"/>
      <c r="K63" s="35"/>
      <c r="L63" s="35"/>
    </row>
    <row r="64" spans="1:12" s="4" customFormat="1" ht="45" customHeight="1" x14ac:dyDescent="0.2">
      <c r="A64" s="1">
        <v>56</v>
      </c>
      <c r="B64" s="31" t="s">
        <v>458</v>
      </c>
      <c r="C64" s="32" t="s">
        <v>18</v>
      </c>
      <c r="D64" s="33" t="s">
        <v>102</v>
      </c>
      <c r="E64" s="34" t="s">
        <v>196</v>
      </c>
      <c r="F64" s="31" t="s">
        <v>383</v>
      </c>
      <c r="G64" s="35" t="s">
        <v>1</v>
      </c>
      <c r="H64" s="36" t="s">
        <v>620</v>
      </c>
      <c r="I64" s="37"/>
      <c r="J64" s="37"/>
      <c r="K64" s="35"/>
      <c r="L64" s="35"/>
    </row>
    <row r="65" spans="1:12" s="4" customFormat="1" ht="45" customHeight="1" x14ac:dyDescent="0.2">
      <c r="A65" s="2">
        <v>57</v>
      </c>
      <c r="B65" s="31" t="s">
        <v>459</v>
      </c>
      <c r="C65" s="32" t="s">
        <v>24</v>
      </c>
      <c r="D65" s="33" t="s">
        <v>91</v>
      </c>
      <c r="E65" s="34" t="s">
        <v>149</v>
      </c>
      <c r="F65" s="31" t="s">
        <v>384</v>
      </c>
      <c r="G65" s="35" t="s">
        <v>1</v>
      </c>
      <c r="H65" s="36" t="s">
        <v>620</v>
      </c>
      <c r="I65" s="37"/>
      <c r="J65" s="37"/>
      <c r="K65" s="35"/>
      <c r="L65" s="35"/>
    </row>
    <row r="66" spans="1:12" s="4" customFormat="1" ht="60" customHeight="1" x14ac:dyDescent="0.2">
      <c r="A66" s="1">
        <v>58</v>
      </c>
      <c r="B66" s="31" t="s">
        <v>460</v>
      </c>
      <c r="C66" s="32" t="s">
        <v>27</v>
      </c>
      <c r="D66" s="33" t="s">
        <v>91</v>
      </c>
      <c r="E66" s="34" t="s">
        <v>150</v>
      </c>
      <c r="F66" s="31" t="s">
        <v>385</v>
      </c>
      <c r="G66" s="35" t="s">
        <v>1</v>
      </c>
      <c r="H66" s="36" t="s">
        <v>620</v>
      </c>
      <c r="I66" s="38" t="s">
        <v>566</v>
      </c>
      <c r="J66" s="35"/>
      <c r="K66" s="35"/>
      <c r="L66" s="35"/>
    </row>
    <row r="67" spans="1:12" s="4" customFormat="1" ht="60" customHeight="1" x14ac:dyDescent="0.2">
      <c r="A67" s="1">
        <v>59</v>
      </c>
      <c r="B67" s="31" t="s">
        <v>461</v>
      </c>
      <c r="C67" s="32" t="s">
        <v>18</v>
      </c>
      <c r="D67" s="33" t="s">
        <v>97</v>
      </c>
      <c r="E67" s="34" t="s">
        <v>180</v>
      </c>
      <c r="F67" s="31" t="s">
        <v>386</v>
      </c>
      <c r="G67" s="35" t="s">
        <v>1</v>
      </c>
      <c r="H67" s="36" t="s">
        <v>620</v>
      </c>
      <c r="I67" s="37" t="s">
        <v>85</v>
      </c>
      <c r="J67" s="37"/>
      <c r="K67" s="35"/>
      <c r="L67" s="35"/>
    </row>
    <row r="68" spans="1:12" s="4" customFormat="1" ht="60" customHeight="1" x14ac:dyDescent="0.2">
      <c r="A68" s="2">
        <v>60</v>
      </c>
      <c r="B68" s="31" t="s">
        <v>462</v>
      </c>
      <c r="C68" s="32" t="s">
        <v>14</v>
      </c>
      <c r="D68" s="33" t="s">
        <v>91</v>
      </c>
      <c r="E68" s="34" t="s">
        <v>405</v>
      </c>
      <c r="F68" s="31" t="s">
        <v>297</v>
      </c>
      <c r="G68" s="35" t="s">
        <v>1</v>
      </c>
      <c r="H68" s="36" t="s">
        <v>620</v>
      </c>
      <c r="I68" s="37" t="s">
        <v>85</v>
      </c>
      <c r="J68" s="38" t="s">
        <v>572</v>
      </c>
      <c r="K68" s="38" t="s">
        <v>573</v>
      </c>
      <c r="L68" s="35"/>
    </row>
    <row r="69" spans="1:12" s="4" customFormat="1" ht="60" customHeight="1" x14ac:dyDescent="0.2">
      <c r="A69" s="1">
        <v>61</v>
      </c>
      <c r="B69" s="31" t="s">
        <v>463</v>
      </c>
      <c r="C69" s="32" t="s">
        <v>19</v>
      </c>
      <c r="D69" s="33" t="s">
        <v>91</v>
      </c>
      <c r="E69" s="34" t="s">
        <v>406</v>
      </c>
      <c r="F69" s="31" t="s">
        <v>298</v>
      </c>
      <c r="G69" s="35" t="s">
        <v>1</v>
      </c>
      <c r="H69" s="36" t="s">
        <v>620</v>
      </c>
      <c r="I69" s="37" t="s">
        <v>85</v>
      </c>
      <c r="J69" s="37"/>
      <c r="K69" s="35"/>
      <c r="L69" s="35"/>
    </row>
    <row r="70" spans="1:12" s="4" customFormat="1" ht="60" customHeight="1" x14ac:dyDescent="0.2">
      <c r="A70" s="1">
        <v>62</v>
      </c>
      <c r="B70" s="31" t="s">
        <v>464</v>
      </c>
      <c r="C70" s="32" t="s">
        <v>16</v>
      </c>
      <c r="D70" s="33" t="s">
        <v>107</v>
      </c>
      <c r="E70" s="34" t="s">
        <v>587</v>
      </c>
      <c r="F70" s="31" t="s">
        <v>296</v>
      </c>
      <c r="G70" s="35" t="s">
        <v>1</v>
      </c>
      <c r="H70" s="36" t="s">
        <v>620</v>
      </c>
      <c r="I70" s="37" t="s">
        <v>85</v>
      </c>
      <c r="J70" s="37"/>
      <c r="K70" s="35"/>
      <c r="L70" s="35"/>
    </row>
    <row r="71" spans="1:12" s="4" customFormat="1" ht="60" customHeight="1" x14ac:dyDescent="0.2">
      <c r="A71" s="1">
        <v>63</v>
      </c>
      <c r="B71" s="31" t="s">
        <v>465</v>
      </c>
      <c r="C71" s="32" t="s">
        <v>17</v>
      </c>
      <c r="D71" s="33" t="s">
        <v>119</v>
      </c>
      <c r="E71" s="34" t="s">
        <v>404</v>
      </c>
      <c r="F71" s="31" t="s">
        <v>299</v>
      </c>
      <c r="G71" s="35" t="s">
        <v>1</v>
      </c>
      <c r="H71" s="36" t="s">
        <v>620</v>
      </c>
      <c r="I71" s="37" t="s">
        <v>85</v>
      </c>
      <c r="J71" s="37"/>
      <c r="K71" s="35"/>
      <c r="L71" s="35"/>
    </row>
    <row r="72" spans="1:12" s="4" customFormat="1" ht="75" customHeight="1" x14ac:dyDescent="0.2">
      <c r="A72" s="2">
        <v>64</v>
      </c>
      <c r="B72" s="31" t="s">
        <v>466</v>
      </c>
      <c r="C72" s="32" t="s">
        <v>15</v>
      </c>
      <c r="D72" s="33" t="s">
        <v>115</v>
      </c>
      <c r="E72" s="34" t="s">
        <v>586</v>
      </c>
      <c r="F72" s="31" t="s">
        <v>300</v>
      </c>
      <c r="G72" s="35" t="s">
        <v>1</v>
      </c>
      <c r="H72" s="36" t="s">
        <v>620</v>
      </c>
      <c r="I72" s="37" t="s">
        <v>85</v>
      </c>
      <c r="J72" s="37"/>
      <c r="K72" s="35"/>
      <c r="L72" s="35"/>
    </row>
    <row r="73" spans="1:12" s="4" customFormat="1" ht="45" customHeight="1" x14ac:dyDescent="0.2">
      <c r="A73" s="1">
        <v>65</v>
      </c>
      <c r="B73" s="31" t="s">
        <v>467</v>
      </c>
      <c r="C73" s="32" t="s">
        <v>20</v>
      </c>
      <c r="D73" s="33" t="s">
        <v>119</v>
      </c>
      <c r="E73" s="34" t="s">
        <v>231</v>
      </c>
      <c r="F73" s="31" t="s">
        <v>301</v>
      </c>
      <c r="G73" s="35" t="s">
        <v>1</v>
      </c>
      <c r="H73" s="36" t="s">
        <v>620</v>
      </c>
      <c r="I73" s="37" t="s">
        <v>85</v>
      </c>
      <c r="J73" s="38" t="s">
        <v>572</v>
      </c>
      <c r="K73" s="35"/>
      <c r="L73" s="35"/>
    </row>
    <row r="74" spans="1:12" s="4" customFormat="1" ht="45" customHeight="1" x14ac:dyDescent="0.2">
      <c r="A74" s="1">
        <v>66</v>
      </c>
      <c r="B74" s="31" t="s">
        <v>468</v>
      </c>
      <c r="C74" s="32" t="s">
        <v>58</v>
      </c>
      <c r="D74" s="33" t="s">
        <v>97</v>
      </c>
      <c r="E74" s="34" t="s">
        <v>181</v>
      </c>
      <c r="F74" s="31" t="s">
        <v>302</v>
      </c>
      <c r="G74" s="35" t="s">
        <v>1</v>
      </c>
      <c r="H74" s="36" t="s">
        <v>620</v>
      </c>
      <c r="I74" s="37" t="s">
        <v>85</v>
      </c>
      <c r="J74" s="37"/>
      <c r="K74" s="35"/>
      <c r="L74" s="35"/>
    </row>
    <row r="75" spans="1:12" s="4" customFormat="1" ht="45" customHeight="1" x14ac:dyDescent="0.2">
      <c r="A75" s="2">
        <v>67</v>
      </c>
      <c r="B75" s="31" t="s">
        <v>469</v>
      </c>
      <c r="C75" s="32" t="s">
        <v>18</v>
      </c>
      <c r="D75" s="33" t="s">
        <v>91</v>
      </c>
      <c r="E75" s="34" t="s">
        <v>153</v>
      </c>
      <c r="F75" s="31" t="s">
        <v>303</v>
      </c>
      <c r="G75" s="35" t="s">
        <v>1</v>
      </c>
      <c r="H75" s="36" t="s">
        <v>620</v>
      </c>
      <c r="I75" s="37"/>
      <c r="J75" s="37"/>
      <c r="K75" s="35"/>
      <c r="L75" s="35"/>
    </row>
    <row r="76" spans="1:12" s="4" customFormat="1" ht="60" customHeight="1" x14ac:dyDescent="0.2">
      <c r="A76" s="2">
        <v>68</v>
      </c>
      <c r="B76" s="31" t="s">
        <v>470</v>
      </c>
      <c r="C76" s="32" t="s">
        <v>31</v>
      </c>
      <c r="D76" s="33" t="s">
        <v>114</v>
      </c>
      <c r="E76" s="34" t="s">
        <v>215</v>
      </c>
      <c r="F76" s="31" t="s">
        <v>304</v>
      </c>
      <c r="G76" s="35" t="s">
        <v>1</v>
      </c>
      <c r="H76" s="36" t="s">
        <v>620</v>
      </c>
      <c r="I76" s="37" t="s">
        <v>85</v>
      </c>
      <c r="J76" s="37"/>
      <c r="K76" s="35"/>
      <c r="L76" s="35"/>
    </row>
    <row r="77" spans="1:12" s="4" customFormat="1" ht="60" customHeight="1" x14ac:dyDescent="0.2">
      <c r="A77" s="1">
        <v>69</v>
      </c>
      <c r="B77" s="31" t="s">
        <v>471</v>
      </c>
      <c r="C77" s="32" t="s">
        <v>33</v>
      </c>
      <c r="D77" s="33" t="s">
        <v>115</v>
      </c>
      <c r="E77" s="34" t="s">
        <v>215</v>
      </c>
      <c r="F77" s="31" t="s">
        <v>305</v>
      </c>
      <c r="G77" s="35" t="s">
        <v>1</v>
      </c>
      <c r="H77" s="36" t="s">
        <v>620</v>
      </c>
      <c r="I77" s="37" t="s">
        <v>85</v>
      </c>
      <c r="J77" s="37"/>
      <c r="K77" s="35"/>
      <c r="L77" s="35"/>
    </row>
    <row r="78" spans="1:12" s="4" customFormat="1" ht="45" customHeight="1" x14ac:dyDescent="0.2">
      <c r="A78" s="2">
        <v>70</v>
      </c>
      <c r="B78" s="31" t="s">
        <v>472</v>
      </c>
      <c r="C78" s="32" t="s">
        <v>39</v>
      </c>
      <c r="D78" s="33" t="s">
        <v>97</v>
      </c>
      <c r="E78" s="34" t="s">
        <v>182</v>
      </c>
      <c r="F78" s="31" t="s">
        <v>306</v>
      </c>
      <c r="G78" s="35" t="s">
        <v>1</v>
      </c>
      <c r="H78" s="36" t="s">
        <v>620</v>
      </c>
      <c r="I78" s="37"/>
      <c r="J78" s="37"/>
      <c r="K78" s="35"/>
      <c r="L78" s="35"/>
    </row>
    <row r="79" spans="1:12" s="4" customFormat="1" ht="45" customHeight="1" x14ac:dyDescent="0.2">
      <c r="A79" s="1">
        <v>71</v>
      </c>
      <c r="B79" s="31" t="s">
        <v>473</v>
      </c>
      <c r="C79" s="32" t="s">
        <v>33</v>
      </c>
      <c r="D79" s="33" t="s">
        <v>92</v>
      </c>
      <c r="E79" s="34" t="s">
        <v>154</v>
      </c>
      <c r="F79" s="31" t="s">
        <v>307</v>
      </c>
      <c r="G79" s="35" t="s">
        <v>1</v>
      </c>
      <c r="H79" s="36" t="s">
        <v>620</v>
      </c>
      <c r="I79" s="37"/>
      <c r="J79" s="37"/>
      <c r="K79" s="35"/>
      <c r="L79" s="35"/>
    </row>
    <row r="80" spans="1:12" s="4" customFormat="1" ht="45" customHeight="1" x14ac:dyDescent="0.2">
      <c r="A80" s="1">
        <v>72</v>
      </c>
      <c r="B80" s="31" t="s">
        <v>474</v>
      </c>
      <c r="C80" s="32" t="s">
        <v>42</v>
      </c>
      <c r="D80" s="33" t="s">
        <v>115</v>
      </c>
      <c r="E80" s="34" t="s">
        <v>219</v>
      </c>
      <c r="F80" s="31" t="s">
        <v>394</v>
      </c>
      <c r="G80" s="35" t="s">
        <v>1</v>
      </c>
      <c r="H80" s="36" t="s">
        <v>620</v>
      </c>
      <c r="I80" s="37" t="s">
        <v>85</v>
      </c>
      <c r="J80" s="37"/>
      <c r="K80" s="35"/>
      <c r="L80" s="35"/>
    </row>
    <row r="81" spans="1:12" s="4" customFormat="1" ht="45" customHeight="1" x14ac:dyDescent="0.2">
      <c r="A81" s="2">
        <v>73</v>
      </c>
      <c r="B81" s="31" t="s">
        <v>475</v>
      </c>
      <c r="C81" s="32" t="s">
        <v>26</v>
      </c>
      <c r="D81" s="33" t="s">
        <v>110</v>
      </c>
      <c r="E81" s="34" t="s">
        <v>211</v>
      </c>
      <c r="F81" s="31" t="s">
        <v>308</v>
      </c>
      <c r="G81" s="35" t="s">
        <v>1</v>
      </c>
      <c r="H81" s="36" t="s">
        <v>620</v>
      </c>
      <c r="I81" s="37"/>
      <c r="J81" s="37"/>
      <c r="K81" s="35"/>
      <c r="L81" s="35"/>
    </row>
    <row r="82" spans="1:12" s="4" customFormat="1" ht="45" customHeight="1" x14ac:dyDescent="0.2">
      <c r="A82" s="1">
        <v>74</v>
      </c>
      <c r="B82" s="31" t="s">
        <v>476</v>
      </c>
      <c r="C82" s="32" t="s">
        <v>41</v>
      </c>
      <c r="D82" s="33" t="s">
        <v>115</v>
      </c>
      <c r="E82" s="34" t="s">
        <v>219</v>
      </c>
      <c r="F82" s="31" t="s">
        <v>309</v>
      </c>
      <c r="G82" s="35" t="s">
        <v>1</v>
      </c>
      <c r="H82" s="36" t="s">
        <v>620</v>
      </c>
      <c r="I82" s="37" t="s">
        <v>85</v>
      </c>
      <c r="J82" s="37"/>
      <c r="K82" s="35"/>
      <c r="L82" s="35"/>
    </row>
    <row r="83" spans="1:12" s="4" customFormat="1" ht="45" customHeight="1" x14ac:dyDescent="0.2">
      <c r="A83" s="1">
        <v>75</v>
      </c>
      <c r="B83" s="31" t="s">
        <v>477</v>
      </c>
      <c r="C83" s="32" t="s">
        <v>21</v>
      </c>
      <c r="D83" s="33" t="s">
        <v>91</v>
      </c>
      <c r="E83" s="34" t="s">
        <v>158</v>
      </c>
      <c r="F83" s="31" t="s">
        <v>310</v>
      </c>
      <c r="G83" s="35" t="s">
        <v>1</v>
      </c>
      <c r="H83" s="36" t="s">
        <v>620</v>
      </c>
      <c r="I83" s="37" t="s">
        <v>85</v>
      </c>
      <c r="J83" s="37"/>
      <c r="K83" s="35"/>
      <c r="L83" s="35"/>
    </row>
    <row r="84" spans="1:12" s="4" customFormat="1" ht="45" customHeight="1" x14ac:dyDescent="0.2">
      <c r="A84" s="1">
        <v>76</v>
      </c>
      <c r="B84" s="31" t="s">
        <v>478</v>
      </c>
      <c r="C84" s="32" t="s">
        <v>59</v>
      </c>
      <c r="D84" s="33" t="s">
        <v>91</v>
      </c>
      <c r="E84" s="34" t="s">
        <v>165</v>
      </c>
      <c r="F84" s="31" t="s">
        <v>311</v>
      </c>
      <c r="G84" s="35" t="s">
        <v>1</v>
      </c>
      <c r="H84" s="36" t="s">
        <v>620</v>
      </c>
      <c r="I84" s="37" t="s">
        <v>85</v>
      </c>
      <c r="J84" s="37"/>
      <c r="K84" s="35"/>
      <c r="L84" s="35"/>
    </row>
    <row r="85" spans="1:12" s="4" customFormat="1" ht="45" customHeight="1" x14ac:dyDescent="0.2">
      <c r="A85" s="2">
        <v>77</v>
      </c>
      <c r="B85" s="31" t="s">
        <v>479</v>
      </c>
      <c r="C85" s="32" t="s">
        <v>47</v>
      </c>
      <c r="D85" s="33" t="s">
        <v>91</v>
      </c>
      <c r="E85" s="34" t="s">
        <v>160</v>
      </c>
      <c r="F85" s="31" t="s">
        <v>312</v>
      </c>
      <c r="G85" s="35" t="s">
        <v>1</v>
      </c>
      <c r="H85" s="36" t="s">
        <v>620</v>
      </c>
      <c r="I85" s="37"/>
      <c r="J85" s="37"/>
      <c r="K85" s="35"/>
      <c r="L85" s="35"/>
    </row>
    <row r="86" spans="1:12" s="4" customFormat="1" ht="45" customHeight="1" x14ac:dyDescent="0.2">
      <c r="A86" s="1">
        <v>78</v>
      </c>
      <c r="B86" s="31" t="s">
        <v>480</v>
      </c>
      <c r="C86" s="32" t="s">
        <v>14</v>
      </c>
      <c r="D86" s="33" t="s">
        <v>115</v>
      </c>
      <c r="E86" s="34" t="s">
        <v>215</v>
      </c>
      <c r="F86" s="31" t="s">
        <v>313</v>
      </c>
      <c r="G86" s="35" t="s">
        <v>1</v>
      </c>
      <c r="H86" s="36" t="s">
        <v>620</v>
      </c>
      <c r="I86" s="37" t="s">
        <v>85</v>
      </c>
      <c r="J86" s="37"/>
      <c r="K86" s="35"/>
      <c r="L86" s="35"/>
    </row>
    <row r="87" spans="1:12" s="4" customFormat="1" ht="45" customHeight="1" x14ac:dyDescent="0.2">
      <c r="A87" s="1">
        <v>80</v>
      </c>
      <c r="B87" s="31" t="s">
        <v>481</v>
      </c>
      <c r="C87" s="32" t="s">
        <v>58</v>
      </c>
      <c r="D87" s="33" t="s">
        <v>91</v>
      </c>
      <c r="E87" s="34" t="s">
        <v>166</v>
      </c>
      <c r="F87" s="31" t="s">
        <v>314</v>
      </c>
      <c r="G87" s="35" t="s">
        <v>1</v>
      </c>
      <c r="H87" s="36" t="s">
        <v>620</v>
      </c>
      <c r="I87" s="37" t="s">
        <v>85</v>
      </c>
      <c r="J87" s="37"/>
      <c r="K87" s="35"/>
      <c r="L87" s="35"/>
    </row>
    <row r="88" spans="1:12" s="4" customFormat="1" ht="60" customHeight="1" x14ac:dyDescent="0.2">
      <c r="A88" s="2">
        <v>81</v>
      </c>
      <c r="B88" s="31" t="s">
        <v>482</v>
      </c>
      <c r="C88" s="32" t="s">
        <v>18</v>
      </c>
      <c r="D88" s="33" t="s">
        <v>115</v>
      </c>
      <c r="E88" s="34" t="s">
        <v>221</v>
      </c>
      <c r="F88" s="31" t="s">
        <v>315</v>
      </c>
      <c r="G88" s="35" t="s">
        <v>54</v>
      </c>
      <c r="H88" s="36" t="s">
        <v>620</v>
      </c>
      <c r="I88" s="37"/>
      <c r="J88" s="37"/>
      <c r="K88" s="35"/>
      <c r="L88" s="35"/>
    </row>
    <row r="89" spans="1:12" s="4" customFormat="1" ht="60" customHeight="1" x14ac:dyDescent="0.2">
      <c r="A89" s="1">
        <v>82</v>
      </c>
      <c r="B89" s="31" t="s">
        <v>483</v>
      </c>
      <c r="C89" s="32" t="s">
        <v>51</v>
      </c>
      <c r="D89" s="33" t="s">
        <v>107</v>
      </c>
      <c r="E89" s="34" t="s">
        <v>208</v>
      </c>
      <c r="F89" s="31" t="s">
        <v>316</v>
      </c>
      <c r="G89" s="35" t="s">
        <v>1</v>
      </c>
      <c r="H89" s="36" t="s">
        <v>620</v>
      </c>
      <c r="I89" s="37"/>
      <c r="J89" s="37"/>
      <c r="K89" s="35"/>
      <c r="L89" s="35"/>
    </row>
    <row r="90" spans="1:12" s="4" customFormat="1" ht="60" customHeight="1" x14ac:dyDescent="0.2">
      <c r="A90" s="1">
        <v>83</v>
      </c>
      <c r="B90" s="31" t="s">
        <v>484</v>
      </c>
      <c r="C90" s="32" t="s">
        <v>56</v>
      </c>
      <c r="D90" s="33" t="s">
        <v>110</v>
      </c>
      <c r="E90" s="34" t="s">
        <v>255</v>
      </c>
      <c r="F90" s="31" t="s">
        <v>399</v>
      </c>
      <c r="G90" s="35" t="s">
        <v>1</v>
      </c>
      <c r="H90" s="36" t="s">
        <v>620</v>
      </c>
      <c r="I90" s="37"/>
      <c r="J90" s="37"/>
      <c r="K90" s="35"/>
      <c r="L90" s="35"/>
    </row>
    <row r="91" spans="1:12" s="4" customFormat="1" ht="45" customHeight="1" x14ac:dyDescent="0.2">
      <c r="A91" s="2">
        <v>84</v>
      </c>
      <c r="B91" s="31" t="s">
        <v>485</v>
      </c>
      <c r="C91" s="32" t="s">
        <v>43</v>
      </c>
      <c r="D91" s="33" t="s">
        <v>120</v>
      </c>
      <c r="E91" s="34" t="s">
        <v>233</v>
      </c>
      <c r="F91" s="31" t="s">
        <v>317</v>
      </c>
      <c r="G91" s="35" t="s">
        <v>1</v>
      </c>
      <c r="H91" s="36" t="s">
        <v>620</v>
      </c>
      <c r="I91" s="37"/>
      <c r="J91" s="37"/>
      <c r="K91" s="35"/>
      <c r="L91" s="35"/>
    </row>
    <row r="92" spans="1:12" s="4" customFormat="1" ht="45" customHeight="1" x14ac:dyDescent="0.2">
      <c r="A92" s="1">
        <v>85</v>
      </c>
      <c r="B92" s="31" t="s">
        <v>486</v>
      </c>
      <c r="C92" s="32" t="s">
        <v>35</v>
      </c>
      <c r="D92" s="33" t="s">
        <v>94</v>
      </c>
      <c r="E92" s="34" t="s">
        <v>157</v>
      </c>
      <c r="F92" s="31" t="s">
        <v>318</v>
      </c>
      <c r="G92" s="35" t="s">
        <v>1</v>
      </c>
      <c r="H92" s="36" t="s">
        <v>620</v>
      </c>
      <c r="I92" s="37" t="s">
        <v>85</v>
      </c>
      <c r="J92" s="37"/>
      <c r="K92" s="35"/>
      <c r="L92" s="35"/>
    </row>
    <row r="93" spans="1:12" s="4" customFormat="1" ht="60" customHeight="1" x14ac:dyDescent="0.2">
      <c r="A93" s="2">
        <v>86</v>
      </c>
      <c r="B93" s="31" t="s">
        <v>487</v>
      </c>
      <c r="C93" s="32" t="s">
        <v>31</v>
      </c>
      <c r="D93" s="33" t="s">
        <v>91</v>
      </c>
      <c r="E93" s="34" t="s">
        <v>167</v>
      </c>
      <c r="F93" s="31" t="s">
        <v>319</v>
      </c>
      <c r="G93" s="35" t="s">
        <v>1</v>
      </c>
      <c r="H93" s="36" t="s">
        <v>620</v>
      </c>
      <c r="I93" s="37" t="s">
        <v>85</v>
      </c>
      <c r="J93" s="37"/>
      <c r="K93" s="35"/>
      <c r="L93" s="35"/>
    </row>
    <row r="94" spans="1:12" s="4" customFormat="1" ht="45" customHeight="1" x14ac:dyDescent="0.2">
      <c r="A94" s="1">
        <v>87</v>
      </c>
      <c r="B94" s="31" t="s">
        <v>488</v>
      </c>
      <c r="C94" s="32" t="s">
        <v>26</v>
      </c>
      <c r="D94" s="33" t="s">
        <v>116</v>
      </c>
      <c r="E94" s="34" t="s">
        <v>219</v>
      </c>
      <c r="F94" s="31" t="s">
        <v>395</v>
      </c>
      <c r="G94" s="35" t="s">
        <v>1</v>
      </c>
      <c r="H94" s="36" t="s">
        <v>620</v>
      </c>
      <c r="I94" s="37" t="s">
        <v>85</v>
      </c>
      <c r="J94" s="37"/>
      <c r="K94" s="35"/>
      <c r="L94" s="35"/>
    </row>
    <row r="95" spans="1:12" s="4" customFormat="1" ht="60" customHeight="1" x14ac:dyDescent="0.2">
      <c r="A95" s="2">
        <v>88</v>
      </c>
      <c r="B95" s="31" t="s">
        <v>489</v>
      </c>
      <c r="C95" s="32" t="s">
        <v>26</v>
      </c>
      <c r="D95" s="33" t="s">
        <v>111</v>
      </c>
      <c r="E95" s="34" t="s">
        <v>212</v>
      </c>
      <c r="F95" s="31" t="s">
        <v>320</v>
      </c>
      <c r="G95" s="35" t="s">
        <v>1</v>
      </c>
      <c r="H95" s="36" t="s">
        <v>620</v>
      </c>
      <c r="I95" s="37" t="s">
        <v>85</v>
      </c>
      <c r="J95" s="37"/>
      <c r="K95" s="35"/>
      <c r="L95" s="35"/>
    </row>
    <row r="96" spans="1:12" s="4" customFormat="1" ht="60" customHeight="1" x14ac:dyDescent="0.2">
      <c r="A96" s="1">
        <v>89</v>
      </c>
      <c r="B96" s="31" t="s">
        <v>490</v>
      </c>
      <c r="C96" s="32" t="s">
        <v>59</v>
      </c>
      <c r="D96" s="33" t="s">
        <v>96</v>
      </c>
      <c r="E96" s="34" t="s">
        <v>187</v>
      </c>
      <c r="F96" s="31" t="s">
        <v>321</v>
      </c>
      <c r="G96" s="35" t="s">
        <v>1</v>
      </c>
      <c r="H96" s="36" t="s">
        <v>620</v>
      </c>
      <c r="I96" s="37"/>
      <c r="J96" s="37"/>
      <c r="K96" s="35"/>
      <c r="L96" s="35"/>
    </row>
    <row r="97" spans="1:12" s="4" customFormat="1" ht="60" customHeight="1" x14ac:dyDescent="0.2">
      <c r="A97" s="1">
        <v>90</v>
      </c>
      <c r="B97" s="31" t="s">
        <v>491</v>
      </c>
      <c r="C97" s="32" t="s">
        <v>62</v>
      </c>
      <c r="D97" s="33" t="s">
        <v>119</v>
      </c>
      <c r="E97" s="34" t="s">
        <v>237</v>
      </c>
      <c r="F97" s="31" t="s">
        <v>322</v>
      </c>
      <c r="G97" s="35" t="s">
        <v>1</v>
      </c>
      <c r="H97" s="36" t="s">
        <v>620</v>
      </c>
      <c r="I97" s="37"/>
      <c r="J97" s="37"/>
      <c r="K97" s="35"/>
      <c r="L97" s="35"/>
    </row>
    <row r="98" spans="1:12" s="4" customFormat="1" ht="60" customHeight="1" x14ac:dyDescent="0.2">
      <c r="A98" s="2">
        <v>91</v>
      </c>
      <c r="B98" s="31" t="s">
        <v>492</v>
      </c>
      <c r="C98" s="32" t="s">
        <v>34</v>
      </c>
      <c r="D98" s="33" t="s">
        <v>102</v>
      </c>
      <c r="E98" s="34" t="s">
        <v>200</v>
      </c>
      <c r="F98" s="31" t="s">
        <v>323</v>
      </c>
      <c r="G98" s="35" t="s">
        <v>1</v>
      </c>
      <c r="H98" s="36" t="s">
        <v>620</v>
      </c>
      <c r="I98" s="37"/>
      <c r="J98" s="37"/>
      <c r="K98" s="35"/>
      <c r="L98" s="35"/>
    </row>
    <row r="99" spans="1:12" s="4" customFormat="1" ht="60" customHeight="1" x14ac:dyDescent="0.2">
      <c r="A99" s="1">
        <v>92</v>
      </c>
      <c r="B99" s="31" t="s">
        <v>493</v>
      </c>
      <c r="C99" s="32" t="s">
        <v>64</v>
      </c>
      <c r="D99" s="33" t="s">
        <v>91</v>
      </c>
      <c r="E99" s="34" t="s">
        <v>144</v>
      </c>
      <c r="F99" s="31" t="s">
        <v>324</v>
      </c>
      <c r="G99" s="35" t="s">
        <v>1</v>
      </c>
      <c r="H99" s="36" t="s">
        <v>620</v>
      </c>
      <c r="I99" s="37"/>
      <c r="J99" s="37"/>
      <c r="K99" s="35"/>
      <c r="L99" s="35"/>
    </row>
    <row r="100" spans="1:12" s="4" customFormat="1" ht="60" customHeight="1" x14ac:dyDescent="0.2">
      <c r="A100" s="2">
        <v>93</v>
      </c>
      <c r="B100" s="31" t="s">
        <v>494</v>
      </c>
      <c r="C100" s="32" t="s">
        <v>64</v>
      </c>
      <c r="D100" s="33" t="s">
        <v>102</v>
      </c>
      <c r="E100" s="34" t="s">
        <v>201</v>
      </c>
      <c r="F100" s="31" t="s">
        <v>325</v>
      </c>
      <c r="G100" s="35" t="s">
        <v>1</v>
      </c>
      <c r="H100" s="36" t="s">
        <v>620</v>
      </c>
      <c r="I100" s="36" t="s">
        <v>565</v>
      </c>
      <c r="J100" s="36"/>
      <c r="K100" s="35"/>
      <c r="L100" s="35"/>
    </row>
    <row r="101" spans="1:12" s="4" customFormat="1" ht="60" customHeight="1" x14ac:dyDescent="0.2">
      <c r="A101" s="1">
        <v>94</v>
      </c>
      <c r="B101" s="31" t="s">
        <v>495</v>
      </c>
      <c r="C101" s="32" t="s">
        <v>65</v>
      </c>
      <c r="D101" s="33" t="s">
        <v>112</v>
      </c>
      <c r="E101" s="34" t="s">
        <v>219</v>
      </c>
      <c r="F101" s="31" t="s">
        <v>326</v>
      </c>
      <c r="G101" s="35" t="s">
        <v>1</v>
      </c>
      <c r="H101" s="36" t="s">
        <v>620</v>
      </c>
      <c r="I101" s="37" t="s">
        <v>85</v>
      </c>
      <c r="J101" s="37"/>
      <c r="K101" s="35"/>
      <c r="L101" s="35"/>
    </row>
    <row r="102" spans="1:12" s="4" customFormat="1" ht="60" customHeight="1" x14ac:dyDescent="0.2">
      <c r="A102" s="2">
        <v>95</v>
      </c>
      <c r="B102" s="31" t="s">
        <v>496</v>
      </c>
      <c r="C102" s="32" t="s">
        <v>18</v>
      </c>
      <c r="D102" s="33" t="s">
        <v>92</v>
      </c>
      <c r="E102" s="34" t="s">
        <v>148</v>
      </c>
      <c r="F102" s="31" t="s">
        <v>327</v>
      </c>
      <c r="G102" s="35" t="s">
        <v>1</v>
      </c>
      <c r="H102" s="36" t="s">
        <v>620</v>
      </c>
      <c r="I102" s="37"/>
      <c r="J102" s="37"/>
      <c r="K102" s="35"/>
      <c r="L102" s="35"/>
    </row>
    <row r="103" spans="1:12" s="4" customFormat="1" ht="45" customHeight="1" x14ac:dyDescent="0.2">
      <c r="A103" s="1">
        <v>96</v>
      </c>
      <c r="B103" s="31" t="s">
        <v>497</v>
      </c>
      <c r="C103" s="32" t="s">
        <v>18</v>
      </c>
      <c r="D103" s="33" t="s">
        <v>102</v>
      </c>
      <c r="E103" s="34" t="s">
        <v>197</v>
      </c>
      <c r="F103" s="31" t="s">
        <v>328</v>
      </c>
      <c r="G103" s="35" t="s">
        <v>67</v>
      </c>
      <c r="H103" s="36" t="s">
        <v>620</v>
      </c>
      <c r="I103" s="37" t="s">
        <v>85</v>
      </c>
      <c r="J103" s="37"/>
      <c r="K103" s="35"/>
      <c r="L103" s="35"/>
    </row>
    <row r="104" spans="1:12" s="4" customFormat="1" ht="45" customHeight="1" x14ac:dyDescent="0.2">
      <c r="A104" s="1">
        <v>97</v>
      </c>
      <c r="B104" s="31" t="s">
        <v>498</v>
      </c>
      <c r="C104" s="32" t="s">
        <v>24</v>
      </c>
      <c r="D104" s="33" t="s">
        <v>120</v>
      </c>
      <c r="E104" s="34" t="s">
        <v>234</v>
      </c>
      <c r="F104" s="31" t="s">
        <v>329</v>
      </c>
      <c r="G104" s="35" t="s">
        <v>67</v>
      </c>
      <c r="H104" s="36" t="s">
        <v>620</v>
      </c>
      <c r="I104" s="37"/>
      <c r="J104" s="37"/>
      <c r="K104" s="35"/>
      <c r="L104" s="35"/>
    </row>
    <row r="105" spans="1:12" s="4" customFormat="1" ht="60" customHeight="1" x14ac:dyDescent="0.2">
      <c r="A105" s="2">
        <v>98</v>
      </c>
      <c r="B105" s="31" t="s">
        <v>499</v>
      </c>
      <c r="C105" s="32" t="s">
        <v>60</v>
      </c>
      <c r="D105" s="33" t="s">
        <v>91</v>
      </c>
      <c r="E105" s="34" t="s">
        <v>171</v>
      </c>
      <c r="F105" s="31" t="s">
        <v>330</v>
      </c>
      <c r="G105" s="35" t="s">
        <v>1</v>
      </c>
      <c r="H105" s="36" t="s">
        <v>620</v>
      </c>
      <c r="I105" s="37" t="s">
        <v>85</v>
      </c>
      <c r="J105" s="37"/>
      <c r="K105" s="35"/>
      <c r="L105" s="35"/>
    </row>
    <row r="106" spans="1:12" s="4" customFormat="1" ht="60" customHeight="1" x14ac:dyDescent="0.2">
      <c r="A106" s="2">
        <v>100</v>
      </c>
      <c r="B106" s="31" t="s">
        <v>619</v>
      </c>
      <c r="C106" s="32" t="s">
        <v>70</v>
      </c>
      <c r="D106" s="33" t="s">
        <v>122</v>
      </c>
      <c r="E106" s="34" t="s">
        <v>239</v>
      </c>
      <c r="F106" s="31" t="s">
        <v>331</v>
      </c>
      <c r="G106" s="35" t="s">
        <v>67</v>
      </c>
      <c r="H106" s="36" t="s">
        <v>620</v>
      </c>
      <c r="I106" s="37"/>
      <c r="J106" s="37"/>
      <c r="K106" s="35"/>
      <c r="L106" s="35"/>
    </row>
    <row r="107" spans="1:12" s="4" customFormat="1" ht="60" customHeight="1" x14ac:dyDescent="0.2">
      <c r="A107" s="1">
        <v>101</v>
      </c>
      <c r="B107" s="31" t="s">
        <v>500</v>
      </c>
      <c r="C107" s="32" t="s">
        <v>15</v>
      </c>
      <c r="D107" s="33" t="s">
        <v>119</v>
      </c>
      <c r="E107" s="34" t="s">
        <v>227</v>
      </c>
      <c r="F107" s="31" t="s">
        <v>332</v>
      </c>
      <c r="G107" s="35" t="s">
        <v>1</v>
      </c>
      <c r="H107" s="36" t="s">
        <v>620</v>
      </c>
      <c r="I107" s="37" t="s">
        <v>85</v>
      </c>
      <c r="J107" s="37"/>
      <c r="K107" s="35"/>
      <c r="L107" s="35"/>
    </row>
    <row r="108" spans="1:12" s="4" customFormat="1" ht="60" customHeight="1" x14ac:dyDescent="0.2">
      <c r="A108" s="2">
        <v>102</v>
      </c>
      <c r="B108" s="31" t="s">
        <v>501</v>
      </c>
      <c r="C108" s="32" t="s">
        <v>35</v>
      </c>
      <c r="D108" s="33" t="s">
        <v>91</v>
      </c>
      <c r="E108" s="34" t="s">
        <v>176</v>
      </c>
      <c r="F108" s="31" t="s">
        <v>354</v>
      </c>
      <c r="G108" s="35" t="s">
        <v>1</v>
      </c>
      <c r="H108" s="36" t="s">
        <v>620</v>
      </c>
      <c r="I108" s="37" t="s">
        <v>85</v>
      </c>
      <c r="J108" s="37"/>
      <c r="K108" s="35"/>
      <c r="L108" s="35"/>
    </row>
    <row r="109" spans="1:12" s="4" customFormat="1" ht="60" customHeight="1" x14ac:dyDescent="0.2">
      <c r="A109" s="1">
        <v>103</v>
      </c>
      <c r="B109" s="31" t="s">
        <v>502</v>
      </c>
      <c r="C109" s="32" t="s">
        <v>21</v>
      </c>
      <c r="D109" s="33" t="s">
        <v>119</v>
      </c>
      <c r="E109" s="34" t="s">
        <v>256</v>
      </c>
      <c r="F109" s="31" t="s">
        <v>361</v>
      </c>
      <c r="G109" s="35" t="s">
        <v>1</v>
      </c>
      <c r="H109" s="36" t="s">
        <v>620</v>
      </c>
      <c r="I109" s="36" t="s">
        <v>565</v>
      </c>
      <c r="J109" s="36"/>
      <c r="K109" s="35"/>
      <c r="L109" s="35"/>
    </row>
    <row r="110" spans="1:12" s="4" customFormat="1" ht="60" customHeight="1" x14ac:dyDescent="0.2">
      <c r="A110" s="1">
        <v>104</v>
      </c>
      <c r="B110" s="31" t="s">
        <v>503</v>
      </c>
      <c r="C110" s="32" t="s">
        <v>74</v>
      </c>
      <c r="D110" s="33" t="s">
        <v>123</v>
      </c>
      <c r="E110" s="34" t="s">
        <v>240</v>
      </c>
      <c r="F110" s="31" t="s">
        <v>333</v>
      </c>
      <c r="G110" s="35" t="s">
        <v>54</v>
      </c>
      <c r="H110" s="36" t="s">
        <v>620</v>
      </c>
      <c r="I110" s="37"/>
      <c r="J110" s="37"/>
      <c r="K110" s="35"/>
      <c r="L110" s="35"/>
    </row>
    <row r="111" spans="1:12" s="4" customFormat="1" ht="60" customHeight="1" x14ac:dyDescent="0.2">
      <c r="A111" s="2">
        <v>105</v>
      </c>
      <c r="B111" s="31" t="s">
        <v>504</v>
      </c>
      <c r="C111" s="32" t="s">
        <v>16</v>
      </c>
      <c r="D111" s="33" t="s">
        <v>92</v>
      </c>
      <c r="E111" s="34" t="s">
        <v>143</v>
      </c>
      <c r="F111" s="31" t="s">
        <v>358</v>
      </c>
      <c r="G111" s="35" t="s">
        <v>1</v>
      </c>
      <c r="H111" s="36" t="s">
        <v>620</v>
      </c>
      <c r="I111" s="37" t="s">
        <v>85</v>
      </c>
      <c r="J111" s="37"/>
      <c r="K111" s="35"/>
      <c r="L111" s="35"/>
    </row>
    <row r="112" spans="1:12" s="4" customFormat="1" ht="60" customHeight="1" x14ac:dyDescent="0.2">
      <c r="A112" s="1">
        <v>106</v>
      </c>
      <c r="B112" s="31" t="s">
        <v>505</v>
      </c>
      <c r="C112" s="32" t="s">
        <v>20</v>
      </c>
      <c r="D112" s="33" t="s">
        <v>96</v>
      </c>
      <c r="E112" s="34" t="s">
        <v>178</v>
      </c>
      <c r="F112" s="31" t="s">
        <v>353</v>
      </c>
      <c r="G112" s="35" t="s">
        <v>1</v>
      </c>
      <c r="H112" s="36" t="s">
        <v>620</v>
      </c>
      <c r="I112" s="37" t="s">
        <v>85</v>
      </c>
      <c r="J112" s="37"/>
      <c r="K112" s="35"/>
      <c r="L112" s="35"/>
    </row>
    <row r="113" spans="1:12" s="4" customFormat="1" ht="60" customHeight="1" x14ac:dyDescent="0.2">
      <c r="A113" s="2">
        <v>107</v>
      </c>
      <c r="B113" s="31" t="s">
        <v>506</v>
      </c>
      <c r="C113" s="32" t="s">
        <v>623</v>
      </c>
      <c r="D113" s="33" t="s">
        <v>91</v>
      </c>
      <c r="E113" s="34" t="s">
        <v>139</v>
      </c>
      <c r="F113" s="31" t="s">
        <v>400</v>
      </c>
      <c r="G113" s="35" t="s">
        <v>54</v>
      </c>
      <c r="H113" s="36" t="s">
        <v>620</v>
      </c>
      <c r="I113" s="37"/>
      <c r="J113" s="37"/>
      <c r="K113" s="35"/>
      <c r="L113" s="35"/>
    </row>
    <row r="114" spans="1:12" s="4" customFormat="1" ht="45" customHeight="1" x14ac:dyDescent="0.2">
      <c r="A114" s="1">
        <v>108</v>
      </c>
      <c r="B114" s="31" t="s">
        <v>507</v>
      </c>
      <c r="C114" s="32" t="s">
        <v>21</v>
      </c>
      <c r="D114" s="33" t="s">
        <v>117</v>
      </c>
      <c r="E114" s="34" t="s">
        <v>222</v>
      </c>
      <c r="F114" s="31" t="s">
        <v>391</v>
      </c>
      <c r="G114" s="35" t="s">
        <v>54</v>
      </c>
      <c r="H114" s="36" t="s">
        <v>620</v>
      </c>
      <c r="I114" s="37"/>
      <c r="J114" s="37"/>
      <c r="K114" s="35"/>
      <c r="L114" s="35"/>
    </row>
    <row r="115" spans="1:12" s="4" customFormat="1" ht="75" customHeight="1" x14ac:dyDescent="0.2">
      <c r="A115" s="2">
        <v>109</v>
      </c>
      <c r="B115" s="31" t="s">
        <v>508</v>
      </c>
      <c r="C115" s="32" t="s">
        <v>624</v>
      </c>
      <c r="D115" s="33" t="s">
        <v>90</v>
      </c>
      <c r="E115" s="34" t="s">
        <v>137</v>
      </c>
      <c r="F115" s="31" t="s">
        <v>373</v>
      </c>
      <c r="G115" s="35" t="s">
        <v>67</v>
      </c>
      <c r="H115" s="36" t="s">
        <v>620</v>
      </c>
      <c r="I115" s="37" t="s">
        <v>85</v>
      </c>
      <c r="J115" s="37"/>
      <c r="K115" s="35"/>
      <c r="L115" s="35"/>
    </row>
    <row r="116" spans="1:12" s="4" customFormat="1" ht="60" customHeight="1" x14ac:dyDescent="0.2">
      <c r="A116" s="1">
        <v>110</v>
      </c>
      <c r="B116" s="31" t="s">
        <v>509</v>
      </c>
      <c r="C116" s="32" t="s">
        <v>15</v>
      </c>
      <c r="D116" s="33" t="s">
        <v>114</v>
      </c>
      <c r="E116" s="34" t="s">
        <v>214</v>
      </c>
      <c r="F116" s="31" t="s">
        <v>359</v>
      </c>
      <c r="G116" s="35" t="s">
        <v>1</v>
      </c>
      <c r="H116" s="36" t="s">
        <v>620</v>
      </c>
      <c r="I116" s="37" t="s">
        <v>85</v>
      </c>
      <c r="J116" s="37"/>
      <c r="K116" s="35"/>
      <c r="L116" s="35"/>
    </row>
    <row r="117" spans="1:12" s="4" customFormat="1" ht="60" customHeight="1" x14ac:dyDescent="0.2">
      <c r="A117" s="1">
        <v>111</v>
      </c>
      <c r="B117" s="31" t="s">
        <v>510</v>
      </c>
      <c r="C117" s="32" t="s">
        <v>81</v>
      </c>
      <c r="D117" s="33" t="s">
        <v>616</v>
      </c>
      <c r="E117" s="34" t="s">
        <v>615</v>
      </c>
      <c r="F117" s="31" t="s">
        <v>614</v>
      </c>
      <c r="G117" s="35" t="s">
        <v>54</v>
      </c>
      <c r="H117" s="36" t="s">
        <v>620</v>
      </c>
      <c r="I117" s="37"/>
      <c r="J117" s="37"/>
      <c r="K117" s="35"/>
      <c r="L117" s="35"/>
    </row>
    <row r="118" spans="1:12" s="4" customFormat="1" ht="60" customHeight="1" x14ac:dyDescent="0.2">
      <c r="A118" s="1">
        <v>112</v>
      </c>
      <c r="B118" s="31" t="s">
        <v>511</v>
      </c>
      <c r="C118" s="32" t="s">
        <v>27</v>
      </c>
      <c r="D118" s="33" t="s">
        <v>101</v>
      </c>
      <c r="E118" s="34" t="s">
        <v>602</v>
      </c>
      <c r="F118" s="31" t="s">
        <v>595</v>
      </c>
      <c r="G118" s="35" t="s">
        <v>1</v>
      </c>
      <c r="H118" s="36" t="s">
        <v>620</v>
      </c>
      <c r="I118" s="37" t="s">
        <v>85</v>
      </c>
      <c r="J118" s="37"/>
      <c r="K118" s="35"/>
      <c r="L118" s="35"/>
    </row>
    <row r="119" spans="1:12" s="4" customFormat="1" ht="60" customHeight="1" x14ac:dyDescent="0.2">
      <c r="A119" s="1">
        <v>113</v>
      </c>
      <c r="B119" s="31" t="s">
        <v>512</v>
      </c>
      <c r="C119" s="32" t="s">
        <v>82</v>
      </c>
      <c r="D119" s="33" t="s">
        <v>90</v>
      </c>
      <c r="E119" s="34" t="s">
        <v>599</v>
      </c>
      <c r="F119" s="31" t="s">
        <v>594</v>
      </c>
      <c r="G119" s="35" t="s">
        <v>54</v>
      </c>
      <c r="H119" s="36" t="s">
        <v>620</v>
      </c>
      <c r="I119" s="37"/>
      <c r="J119" s="37"/>
      <c r="K119" s="35"/>
      <c r="L119" s="35"/>
    </row>
    <row r="120" spans="1:12" s="4" customFormat="1" ht="60" customHeight="1" x14ac:dyDescent="0.2">
      <c r="A120" s="1">
        <v>114</v>
      </c>
      <c r="B120" s="31" t="s">
        <v>513</v>
      </c>
      <c r="C120" s="32" t="s">
        <v>83</v>
      </c>
      <c r="D120" s="33" t="s">
        <v>603</v>
      </c>
      <c r="E120" s="34" t="s">
        <v>607</v>
      </c>
      <c r="F120" s="31" t="s">
        <v>604</v>
      </c>
      <c r="G120" s="35" t="s">
        <v>1</v>
      </c>
      <c r="H120" s="36" t="s">
        <v>620</v>
      </c>
      <c r="I120" s="37"/>
      <c r="J120" s="37"/>
      <c r="K120" s="35"/>
      <c r="L120" s="35"/>
    </row>
    <row r="121" spans="1:12" s="4" customFormat="1" ht="45" customHeight="1" x14ac:dyDescent="0.2">
      <c r="A121" s="1">
        <v>116</v>
      </c>
      <c r="B121" s="31" t="s">
        <v>647</v>
      </c>
      <c r="C121" s="32" t="s">
        <v>648</v>
      </c>
      <c r="D121" s="33" t="s">
        <v>605</v>
      </c>
      <c r="E121" s="45"/>
      <c r="F121" s="31"/>
      <c r="G121" s="46" t="s">
        <v>1</v>
      </c>
      <c r="H121" s="36" t="s">
        <v>620</v>
      </c>
      <c r="I121" s="37"/>
      <c r="J121" s="37"/>
      <c r="K121" s="35"/>
      <c r="L121" s="35"/>
    </row>
    <row r="122" spans="1:12" s="4" customFormat="1" ht="45" customHeight="1" x14ac:dyDescent="0.2">
      <c r="A122" s="1">
        <v>115</v>
      </c>
      <c r="B122" s="31" t="s">
        <v>514</v>
      </c>
      <c r="C122" s="32" t="s">
        <v>32</v>
      </c>
      <c r="D122" s="33" t="s">
        <v>115</v>
      </c>
      <c r="E122" s="34" t="s">
        <v>215</v>
      </c>
      <c r="F122" s="31" t="s">
        <v>396</v>
      </c>
      <c r="G122" s="35" t="s">
        <v>2</v>
      </c>
      <c r="H122" s="36" t="s">
        <v>621</v>
      </c>
      <c r="I122" s="37" t="s">
        <v>85</v>
      </c>
      <c r="J122" s="37"/>
      <c r="K122" s="35"/>
      <c r="L122" s="35"/>
    </row>
    <row r="123" spans="1:12" s="4" customFormat="1" ht="45" customHeight="1" x14ac:dyDescent="0.2">
      <c r="A123" s="1">
        <v>118</v>
      </c>
      <c r="B123" s="31" t="s">
        <v>515</v>
      </c>
      <c r="C123" s="32" t="s">
        <v>36</v>
      </c>
      <c r="D123" s="33" t="s">
        <v>119</v>
      </c>
      <c r="E123" s="34" t="s">
        <v>232</v>
      </c>
      <c r="F123" s="31" t="s">
        <v>334</v>
      </c>
      <c r="G123" s="35" t="s">
        <v>2</v>
      </c>
      <c r="H123" s="36" t="s">
        <v>621</v>
      </c>
      <c r="I123" s="38" t="s">
        <v>566</v>
      </c>
      <c r="J123" s="35"/>
      <c r="K123" s="35"/>
      <c r="L123" s="35"/>
    </row>
    <row r="124" spans="1:12" s="4" customFormat="1" ht="45" customHeight="1" x14ac:dyDescent="0.2">
      <c r="A124" s="1">
        <v>119</v>
      </c>
      <c r="B124" s="31" t="s">
        <v>516</v>
      </c>
      <c r="C124" s="32" t="s">
        <v>36</v>
      </c>
      <c r="D124" s="33" t="s">
        <v>106</v>
      </c>
      <c r="E124" s="34" t="s">
        <v>206</v>
      </c>
      <c r="F124" s="31" t="s">
        <v>335</v>
      </c>
      <c r="G124" s="35" t="s">
        <v>2</v>
      </c>
      <c r="H124" s="36" t="s">
        <v>621</v>
      </c>
      <c r="I124" s="38"/>
      <c r="J124" s="37"/>
      <c r="K124" s="35"/>
      <c r="L124" s="35"/>
    </row>
    <row r="125" spans="1:12" s="4" customFormat="1" ht="60" customHeight="1" x14ac:dyDescent="0.2">
      <c r="A125" s="1">
        <v>120</v>
      </c>
      <c r="B125" s="31" t="s">
        <v>517</v>
      </c>
      <c r="C125" s="32" t="s">
        <v>29</v>
      </c>
      <c r="D125" s="33" t="s">
        <v>91</v>
      </c>
      <c r="E125" s="34" t="s">
        <v>161</v>
      </c>
      <c r="F125" s="31" t="s">
        <v>401</v>
      </c>
      <c r="G125" s="35" t="s">
        <v>2</v>
      </c>
      <c r="H125" s="36" t="s">
        <v>621</v>
      </c>
      <c r="I125" s="38" t="s">
        <v>566</v>
      </c>
      <c r="J125" s="35"/>
      <c r="K125" s="35"/>
      <c r="L125" s="35"/>
    </row>
    <row r="126" spans="1:12" s="4" customFormat="1" ht="60" customHeight="1" x14ac:dyDescent="0.2">
      <c r="A126" s="1">
        <v>121</v>
      </c>
      <c r="B126" s="31" t="s">
        <v>518</v>
      </c>
      <c r="C126" s="32" t="s">
        <v>88</v>
      </c>
      <c r="D126" s="33" t="s">
        <v>128</v>
      </c>
      <c r="E126" s="34" t="s">
        <v>246</v>
      </c>
      <c r="F126" s="31" t="s">
        <v>336</v>
      </c>
      <c r="G126" s="35" t="s">
        <v>2</v>
      </c>
      <c r="H126" s="36" t="s">
        <v>621</v>
      </c>
      <c r="I126" s="38" t="s">
        <v>566</v>
      </c>
      <c r="J126" s="35"/>
      <c r="K126" s="35"/>
      <c r="L126" s="35"/>
    </row>
    <row r="127" spans="1:12" s="4" customFormat="1" ht="60" customHeight="1" x14ac:dyDescent="0.2">
      <c r="A127" s="1">
        <v>122</v>
      </c>
      <c r="B127" s="31" t="s">
        <v>519</v>
      </c>
      <c r="C127" s="32" t="s">
        <v>52</v>
      </c>
      <c r="D127" s="33" t="s">
        <v>97</v>
      </c>
      <c r="E127" s="34" t="s">
        <v>183</v>
      </c>
      <c r="F127" s="31" t="s">
        <v>337</v>
      </c>
      <c r="G127" s="35" t="s">
        <v>2</v>
      </c>
      <c r="H127" s="36" t="s">
        <v>621</v>
      </c>
      <c r="I127" s="38" t="s">
        <v>566</v>
      </c>
      <c r="J127" s="35"/>
      <c r="K127" s="35"/>
      <c r="L127" s="35"/>
    </row>
    <row r="128" spans="1:12" s="4" customFormat="1" ht="45" customHeight="1" x14ac:dyDescent="0.2">
      <c r="A128" s="1">
        <v>123</v>
      </c>
      <c r="B128" s="31" t="s">
        <v>520</v>
      </c>
      <c r="C128" s="32" t="s">
        <v>36</v>
      </c>
      <c r="D128" s="33" t="s">
        <v>100</v>
      </c>
      <c r="E128" s="34" t="s">
        <v>191</v>
      </c>
      <c r="F128" s="31" t="s">
        <v>338</v>
      </c>
      <c r="G128" s="35" t="s">
        <v>2</v>
      </c>
      <c r="H128" s="36" t="s">
        <v>621</v>
      </c>
      <c r="I128" s="38" t="s">
        <v>566</v>
      </c>
      <c r="J128" s="35"/>
      <c r="K128" s="35"/>
      <c r="L128" s="35"/>
    </row>
    <row r="129" spans="1:12" s="4" customFormat="1" ht="60" customHeight="1" x14ac:dyDescent="0.2">
      <c r="A129" s="1">
        <v>124</v>
      </c>
      <c r="B129" s="31" t="s">
        <v>521</v>
      </c>
      <c r="C129" s="32" t="s">
        <v>76</v>
      </c>
      <c r="D129" s="33" t="s">
        <v>124</v>
      </c>
      <c r="E129" s="34" t="s">
        <v>241</v>
      </c>
      <c r="F129" s="31" t="s">
        <v>398</v>
      </c>
      <c r="G129" s="35" t="s">
        <v>2</v>
      </c>
      <c r="H129" s="36" t="s">
        <v>621</v>
      </c>
      <c r="I129" s="38" t="s">
        <v>566</v>
      </c>
      <c r="J129" s="35"/>
      <c r="K129" s="35"/>
      <c r="L129" s="35"/>
    </row>
    <row r="130" spans="1:12" s="4" customFormat="1" ht="60" customHeight="1" x14ac:dyDescent="0.2">
      <c r="A130" s="1">
        <v>125</v>
      </c>
      <c r="B130" s="31" t="s">
        <v>522</v>
      </c>
      <c r="C130" s="32" t="s">
        <v>32</v>
      </c>
      <c r="D130" s="33" t="s">
        <v>120</v>
      </c>
      <c r="E130" s="34" t="s">
        <v>236</v>
      </c>
      <c r="F130" s="31" t="s">
        <v>339</v>
      </c>
      <c r="G130" s="35" t="s">
        <v>2</v>
      </c>
      <c r="H130" s="36" t="s">
        <v>621</v>
      </c>
      <c r="I130" s="35"/>
      <c r="J130" s="35"/>
      <c r="K130" s="35"/>
      <c r="L130" s="35"/>
    </row>
    <row r="131" spans="1:12" s="4" customFormat="1" ht="60" customHeight="1" x14ac:dyDescent="0.2">
      <c r="A131" s="1">
        <v>126</v>
      </c>
      <c r="B131" s="31" t="s">
        <v>523</v>
      </c>
      <c r="C131" s="32" t="s">
        <v>71</v>
      </c>
      <c r="D131" s="33" t="s">
        <v>119</v>
      </c>
      <c r="E131" s="34" t="s">
        <v>228</v>
      </c>
      <c r="F131" s="31" t="s">
        <v>340</v>
      </c>
      <c r="G131" s="35" t="s">
        <v>2</v>
      </c>
      <c r="H131" s="36" t="s">
        <v>621</v>
      </c>
      <c r="I131" s="35"/>
      <c r="J131" s="35"/>
      <c r="K131" s="35"/>
      <c r="L131" s="35"/>
    </row>
    <row r="132" spans="1:12" s="4" customFormat="1" ht="60" customHeight="1" x14ac:dyDescent="0.2">
      <c r="A132" s="1">
        <v>127</v>
      </c>
      <c r="B132" s="31" t="s">
        <v>524</v>
      </c>
      <c r="C132" s="32" t="s">
        <v>36</v>
      </c>
      <c r="D132" s="33" t="s">
        <v>101</v>
      </c>
      <c r="E132" s="34" t="s">
        <v>192</v>
      </c>
      <c r="F132" s="31" t="s">
        <v>341</v>
      </c>
      <c r="G132" s="35" t="s">
        <v>2</v>
      </c>
      <c r="H132" s="36" t="s">
        <v>621</v>
      </c>
      <c r="I132" s="35"/>
      <c r="J132" s="35"/>
      <c r="K132" s="35"/>
      <c r="L132" s="35"/>
    </row>
    <row r="133" spans="1:12" s="4" customFormat="1" ht="60" customHeight="1" x14ac:dyDescent="0.2">
      <c r="A133" s="1">
        <v>128</v>
      </c>
      <c r="B133" s="31" t="s">
        <v>525</v>
      </c>
      <c r="C133" s="32" t="s">
        <v>89</v>
      </c>
      <c r="D133" s="33" t="s">
        <v>92</v>
      </c>
      <c r="E133" s="34" t="s">
        <v>140</v>
      </c>
      <c r="F133" s="31" t="s">
        <v>349</v>
      </c>
      <c r="G133" s="35" t="s">
        <v>2</v>
      </c>
      <c r="H133" s="36" t="s">
        <v>621</v>
      </c>
      <c r="I133" s="38" t="s">
        <v>566</v>
      </c>
      <c r="J133" s="35"/>
      <c r="K133" s="35"/>
      <c r="L133" s="35"/>
    </row>
    <row r="134" spans="1:12" s="4" customFormat="1" ht="60" customHeight="1" x14ac:dyDescent="0.2">
      <c r="A134" s="1">
        <v>129</v>
      </c>
      <c r="B134" s="31" t="s">
        <v>526</v>
      </c>
      <c r="C134" s="32" t="s">
        <v>84</v>
      </c>
      <c r="D134" s="33" t="s">
        <v>603</v>
      </c>
      <c r="E134" s="34" t="s">
        <v>606</v>
      </c>
      <c r="F134" s="31" t="s">
        <v>596</v>
      </c>
      <c r="G134" s="35" t="s">
        <v>2</v>
      </c>
      <c r="H134" s="36" t="s">
        <v>621</v>
      </c>
      <c r="I134" s="37"/>
      <c r="J134" s="37"/>
      <c r="K134" s="35"/>
      <c r="L134" s="35"/>
    </row>
    <row r="135" spans="1:12" s="4" customFormat="1" ht="60" customHeight="1" x14ac:dyDescent="0.2">
      <c r="A135" s="1"/>
      <c r="B135" s="31" t="s">
        <v>656</v>
      </c>
      <c r="C135" s="32" t="s">
        <v>653</v>
      </c>
      <c r="D135" s="47" t="s">
        <v>665</v>
      </c>
      <c r="E135" s="34" t="s">
        <v>664</v>
      </c>
      <c r="F135" s="31" t="s">
        <v>672</v>
      </c>
      <c r="G135" s="35" t="s">
        <v>2</v>
      </c>
      <c r="H135" s="36" t="s">
        <v>621</v>
      </c>
      <c r="I135" s="37"/>
      <c r="J135" s="37"/>
      <c r="K135" s="35"/>
      <c r="L135" s="35"/>
    </row>
    <row r="136" spans="1:12" s="4" customFormat="1" ht="45" customHeight="1" x14ac:dyDescent="0.2">
      <c r="A136" s="1">
        <v>130</v>
      </c>
      <c r="B136" s="31" t="s">
        <v>527</v>
      </c>
      <c r="C136" s="32" t="s">
        <v>28</v>
      </c>
      <c r="D136" s="33" t="s">
        <v>127</v>
      </c>
      <c r="E136" s="34" t="s">
        <v>244</v>
      </c>
      <c r="F136" s="31" t="s">
        <v>387</v>
      </c>
      <c r="G136" s="35" t="s">
        <v>3</v>
      </c>
      <c r="H136" s="36" t="s">
        <v>676</v>
      </c>
      <c r="I136" s="37"/>
      <c r="J136" s="37"/>
      <c r="K136" s="35"/>
      <c r="L136" s="35"/>
    </row>
    <row r="137" spans="1:12" s="4" customFormat="1" ht="45" customHeight="1" x14ac:dyDescent="0.2">
      <c r="A137" s="1">
        <v>131</v>
      </c>
      <c r="B137" s="31" t="s">
        <v>528</v>
      </c>
      <c r="C137" s="32" t="s">
        <v>66</v>
      </c>
      <c r="D137" s="33" t="s">
        <v>91</v>
      </c>
      <c r="E137" s="34" t="s">
        <v>155</v>
      </c>
      <c r="F137" s="31" t="s">
        <v>342</v>
      </c>
      <c r="G137" s="35" t="s">
        <v>3</v>
      </c>
      <c r="H137" s="36" t="s">
        <v>676</v>
      </c>
      <c r="I137" s="37"/>
      <c r="J137" s="37"/>
      <c r="K137" s="35"/>
      <c r="L137" s="35"/>
    </row>
    <row r="138" spans="1:12" s="4" customFormat="1" ht="45" customHeight="1" x14ac:dyDescent="0.2">
      <c r="A138" s="1">
        <v>132</v>
      </c>
      <c r="B138" s="31" t="s">
        <v>529</v>
      </c>
      <c r="C138" s="32" t="s">
        <v>80</v>
      </c>
      <c r="D138" s="33" t="s">
        <v>117</v>
      </c>
      <c r="E138" s="34" t="s">
        <v>223</v>
      </c>
      <c r="F138" s="31" t="s">
        <v>345</v>
      </c>
      <c r="G138" s="35" t="s">
        <v>3</v>
      </c>
      <c r="H138" s="36" t="s">
        <v>676</v>
      </c>
      <c r="I138" s="38" t="s">
        <v>567</v>
      </c>
      <c r="J138" s="35"/>
      <c r="K138" s="35"/>
      <c r="L138" s="35"/>
    </row>
    <row r="139" spans="1:12" s="4" customFormat="1" ht="45" customHeight="1" x14ac:dyDescent="0.2">
      <c r="A139" s="1">
        <v>133</v>
      </c>
      <c r="B139" s="31" t="s">
        <v>530</v>
      </c>
      <c r="C139" s="32" t="s">
        <v>40</v>
      </c>
      <c r="D139" s="33" t="s">
        <v>115</v>
      </c>
      <c r="E139" s="34" t="s">
        <v>219</v>
      </c>
      <c r="F139" s="31" t="s">
        <v>346</v>
      </c>
      <c r="G139" s="35" t="s">
        <v>3</v>
      </c>
      <c r="H139" s="36" t="s">
        <v>676</v>
      </c>
      <c r="I139" s="37" t="s">
        <v>85</v>
      </c>
      <c r="J139" s="38" t="s">
        <v>626</v>
      </c>
      <c r="K139" s="35"/>
      <c r="L139" s="35"/>
    </row>
    <row r="140" spans="1:12" s="4" customFormat="1" ht="45" customHeight="1" x14ac:dyDescent="0.2">
      <c r="A140" s="1">
        <v>134</v>
      </c>
      <c r="B140" s="31" t="s">
        <v>531</v>
      </c>
      <c r="C140" s="32" t="s">
        <v>22</v>
      </c>
      <c r="D140" s="33" t="s">
        <v>91</v>
      </c>
      <c r="E140" s="34" t="s">
        <v>174</v>
      </c>
      <c r="F140" s="31" t="s">
        <v>347</v>
      </c>
      <c r="G140" s="35" t="s">
        <v>3</v>
      </c>
      <c r="H140" s="36" t="s">
        <v>676</v>
      </c>
      <c r="I140" s="38" t="s">
        <v>567</v>
      </c>
      <c r="J140" s="35"/>
      <c r="K140" s="35"/>
      <c r="L140" s="35"/>
    </row>
    <row r="141" spans="1:12" s="4" customFormat="1" ht="45" customHeight="1" x14ac:dyDescent="0.2">
      <c r="A141" s="1">
        <v>135</v>
      </c>
      <c r="B141" s="31" t="s">
        <v>532</v>
      </c>
      <c r="C141" s="32" t="s">
        <v>37</v>
      </c>
      <c r="D141" s="33" t="s">
        <v>91</v>
      </c>
      <c r="E141" s="34" t="s">
        <v>164</v>
      </c>
      <c r="F141" s="31" t="s">
        <v>348</v>
      </c>
      <c r="G141" s="35" t="s">
        <v>3</v>
      </c>
      <c r="H141" s="36" t="s">
        <v>676</v>
      </c>
      <c r="I141" s="38" t="s">
        <v>567</v>
      </c>
      <c r="J141" s="35"/>
      <c r="K141" s="35"/>
      <c r="L141" s="35"/>
    </row>
    <row r="142" spans="1:12" s="4" customFormat="1" ht="75" customHeight="1" x14ac:dyDescent="0.2">
      <c r="A142" s="1">
        <v>136</v>
      </c>
      <c r="B142" s="31" t="s">
        <v>533</v>
      </c>
      <c r="C142" s="32" t="s">
        <v>22</v>
      </c>
      <c r="D142" s="33" t="s">
        <v>130</v>
      </c>
      <c r="E142" s="34" t="s">
        <v>251</v>
      </c>
      <c r="F142" s="31" t="s">
        <v>388</v>
      </c>
      <c r="G142" s="35" t="s">
        <v>3</v>
      </c>
      <c r="H142" s="36" t="s">
        <v>676</v>
      </c>
      <c r="I142" s="35"/>
      <c r="J142" s="35"/>
      <c r="K142" s="35"/>
      <c r="L142" s="35"/>
    </row>
    <row r="143" spans="1:12" s="4" customFormat="1" ht="75" customHeight="1" x14ac:dyDescent="0.2">
      <c r="A143" s="1">
        <v>137</v>
      </c>
      <c r="B143" s="31" t="s">
        <v>534</v>
      </c>
      <c r="C143" s="32" t="s">
        <v>66</v>
      </c>
      <c r="D143" s="33" t="s">
        <v>92</v>
      </c>
      <c r="E143" s="34" t="s">
        <v>146</v>
      </c>
      <c r="F143" s="31" t="s">
        <v>365</v>
      </c>
      <c r="G143" s="35" t="s">
        <v>3</v>
      </c>
      <c r="H143" s="36" t="s">
        <v>676</v>
      </c>
      <c r="I143" s="38" t="s">
        <v>567</v>
      </c>
      <c r="J143" s="35"/>
      <c r="K143" s="35"/>
      <c r="L143" s="35"/>
    </row>
    <row r="144" spans="1:12" s="4" customFormat="1" ht="45" customHeight="1" x14ac:dyDescent="0.2">
      <c r="A144" s="1">
        <v>138</v>
      </c>
      <c r="B144" s="31" t="s">
        <v>535</v>
      </c>
      <c r="C144" s="32" t="s">
        <v>38</v>
      </c>
      <c r="D144" s="33" t="s">
        <v>91</v>
      </c>
      <c r="E144" s="34" t="s">
        <v>156</v>
      </c>
      <c r="F144" s="31" t="s">
        <v>343</v>
      </c>
      <c r="G144" s="35" t="s">
        <v>3</v>
      </c>
      <c r="H144" s="36" t="s">
        <v>676</v>
      </c>
      <c r="I144" s="38" t="s">
        <v>567</v>
      </c>
      <c r="J144" s="35"/>
      <c r="K144" s="35"/>
      <c r="L144" s="35"/>
    </row>
    <row r="145" spans="1:12" s="4" customFormat="1" ht="45" customHeight="1" x14ac:dyDescent="0.2">
      <c r="A145" s="1">
        <v>139</v>
      </c>
      <c r="B145" s="31" t="s">
        <v>536</v>
      </c>
      <c r="C145" s="32" t="s">
        <v>40</v>
      </c>
      <c r="D145" s="33" t="s">
        <v>124</v>
      </c>
      <c r="E145" s="34" t="s">
        <v>242</v>
      </c>
      <c r="F145" s="31" t="s">
        <v>344</v>
      </c>
      <c r="G145" s="35" t="s">
        <v>3</v>
      </c>
      <c r="H145" s="36" t="s">
        <v>676</v>
      </c>
      <c r="I145" s="38" t="s">
        <v>567</v>
      </c>
      <c r="J145" s="35"/>
      <c r="K145" s="35"/>
      <c r="L145" s="35"/>
    </row>
    <row r="146" spans="1:12" s="4" customFormat="1" ht="75" customHeight="1" x14ac:dyDescent="0.2">
      <c r="A146" s="2">
        <v>140</v>
      </c>
      <c r="B146" s="31" t="s">
        <v>537</v>
      </c>
      <c r="C146" s="32" t="s">
        <v>22</v>
      </c>
      <c r="D146" s="33" t="s">
        <v>119</v>
      </c>
      <c r="E146" s="34" t="s">
        <v>226</v>
      </c>
      <c r="F146" s="31" t="s">
        <v>366</v>
      </c>
      <c r="G146" s="35" t="s">
        <v>3</v>
      </c>
      <c r="H146" s="36" t="s">
        <v>676</v>
      </c>
      <c r="I146" s="38" t="s">
        <v>567</v>
      </c>
      <c r="J146" s="35"/>
      <c r="K146" s="35"/>
      <c r="L146" s="35"/>
    </row>
    <row r="147" spans="1:12" s="4" customFormat="1" ht="75" customHeight="1" x14ac:dyDescent="0.2">
      <c r="A147" s="1">
        <v>141</v>
      </c>
      <c r="B147" s="31" t="s">
        <v>538</v>
      </c>
      <c r="C147" s="32" t="s">
        <v>22</v>
      </c>
      <c r="D147" s="33" t="s">
        <v>119</v>
      </c>
      <c r="E147" s="34" t="s">
        <v>225</v>
      </c>
      <c r="F147" s="31" t="s">
        <v>402</v>
      </c>
      <c r="G147" s="35" t="s">
        <v>3</v>
      </c>
      <c r="H147" s="36" t="s">
        <v>676</v>
      </c>
      <c r="I147" s="37"/>
      <c r="J147" s="37"/>
      <c r="K147" s="35"/>
      <c r="L147" s="35"/>
    </row>
    <row r="148" spans="1:12" s="4" customFormat="1" ht="75" customHeight="1" x14ac:dyDescent="0.2">
      <c r="A148" s="2">
        <v>142</v>
      </c>
      <c r="B148" s="31" t="s">
        <v>539</v>
      </c>
      <c r="C148" s="32" t="s">
        <v>78</v>
      </c>
      <c r="D148" s="33" t="s">
        <v>119</v>
      </c>
      <c r="E148" s="34" t="s">
        <v>609</v>
      </c>
      <c r="F148" s="31" t="s">
        <v>610</v>
      </c>
      <c r="G148" s="35" t="s">
        <v>0</v>
      </c>
      <c r="H148" s="36" t="s">
        <v>675</v>
      </c>
      <c r="I148" s="36"/>
      <c r="J148" s="35"/>
      <c r="K148" s="35"/>
      <c r="L148" s="35"/>
    </row>
    <row r="149" spans="1:12" s="4" customFormat="1" ht="60" customHeight="1" x14ac:dyDescent="0.2">
      <c r="A149" s="1">
        <v>143</v>
      </c>
      <c r="B149" s="31" t="s">
        <v>540</v>
      </c>
      <c r="C149" s="32" t="s">
        <v>18</v>
      </c>
      <c r="D149" s="33" t="s">
        <v>118</v>
      </c>
      <c r="E149" s="34" t="s">
        <v>600</v>
      </c>
      <c r="F149" s="31" t="s">
        <v>601</v>
      </c>
      <c r="G149" s="35" t="s">
        <v>1</v>
      </c>
      <c r="H149" s="36" t="s">
        <v>622</v>
      </c>
      <c r="I149" s="36"/>
      <c r="J149" s="35"/>
      <c r="K149" s="35"/>
      <c r="L149" s="35"/>
    </row>
    <row r="150" spans="1:12" s="4" customFormat="1" ht="45" customHeight="1" x14ac:dyDescent="0.2">
      <c r="A150" s="2">
        <v>144</v>
      </c>
      <c r="B150" s="31" t="s">
        <v>541</v>
      </c>
      <c r="C150" s="32" t="s">
        <v>68</v>
      </c>
      <c r="D150" s="33" t="s">
        <v>128</v>
      </c>
      <c r="E150" s="34" t="s">
        <v>249</v>
      </c>
      <c r="F150" s="31" t="s">
        <v>390</v>
      </c>
      <c r="G150" s="35" t="s">
        <v>0</v>
      </c>
      <c r="H150" s="37" t="s">
        <v>85</v>
      </c>
      <c r="I150" s="37"/>
      <c r="J150" s="35"/>
      <c r="K150" s="35"/>
      <c r="L150" s="35"/>
    </row>
    <row r="151" spans="1:12" s="4" customFormat="1" ht="45" customHeight="1" x14ac:dyDescent="0.2">
      <c r="A151" s="1">
        <v>145</v>
      </c>
      <c r="B151" s="31" t="s">
        <v>542</v>
      </c>
      <c r="C151" s="32" t="s">
        <v>33</v>
      </c>
      <c r="D151" s="33" t="s">
        <v>95</v>
      </c>
      <c r="E151" s="34" t="s">
        <v>170</v>
      </c>
      <c r="F151" s="31" t="s">
        <v>352</v>
      </c>
      <c r="G151" s="35" t="s">
        <v>1</v>
      </c>
      <c r="H151" s="37" t="s">
        <v>85</v>
      </c>
      <c r="I151" s="37"/>
      <c r="J151" s="35"/>
      <c r="K151" s="35"/>
      <c r="L151" s="35"/>
    </row>
    <row r="152" spans="1:12" s="4" customFormat="1" ht="45" customHeight="1" x14ac:dyDescent="0.2">
      <c r="A152" s="2">
        <v>146</v>
      </c>
      <c r="B152" s="31" t="s">
        <v>543</v>
      </c>
      <c r="C152" s="32" t="s">
        <v>6</v>
      </c>
      <c r="D152" s="33" t="s">
        <v>92</v>
      </c>
      <c r="E152" s="34" t="s">
        <v>172</v>
      </c>
      <c r="F152" s="31" t="s">
        <v>389</v>
      </c>
      <c r="G152" s="35" t="s">
        <v>0</v>
      </c>
      <c r="H152" s="37" t="s">
        <v>85</v>
      </c>
      <c r="I152" s="38" t="s">
        <v>570</v>
      </c>
      <c r="J152" s="38" t="s">
        <v>572</v>
      </c>
      <c r="K152" s="35"/>
      <c r="L152" s="35"/>
    </row>
    <row r="153" spans="1:12" s="4" customFormat="1" ht="60" customHeight="1" x14ac:dyDescent="0.2">
      <c r="A153" s="1">
        <v>147</v>
      </c>
      <c r="B153" s="31" t="s">
        <v>544</v>
      </c>
      <c r="C153" s="32" t="s">
        <v>61</v>
      </c>
      <c r="D153" s="33" t="s">
        <v>91</v>
      </c>
      <c r="E153" s="34" t="s">
        <v>175</v>
      </c>
      <c r="F153" s="31" t="s">
        <v>350</v>
      </c>
      <c r="G153" s="35" t="s">
        <v>0</v>
      </c>
      <c r="H153" s="37" t="s">
        <v>85</v>
      </c>
      <c r="I153" s="38" t="s">
        <v>571</v>
      </c>
      <c r="J153" s="35"/>
      <c r="K153" s="35"/>
      <c r="L153" s="35"/>
    </row>
    <row r="154" spans="1:12" s="4" customFormat="1" ht="60" customHeight="1" x14ac:dyDescent="0.2">
      <c r="A154" s="2">
        <v>148</v>
      </c>
      <c r="B154" s="31" t="s">
        <v>545</v>
      </c>
      <c r="C154" s="32" t="s">
        <v>72</v>
      </c>
      <c r="D154" s="33" t="s">
        <v>92</v>
      </c>
      <c r="E154" s="34" t="s">
        <v>145</v>
      </c>
      <c r="F154" s="31" t="s">
        <v>351</v>
      </c>
      <c r="G154" s="35" t="s">
        <v>1</v>
      </c>
      <c r="H154" s="37" t="s">
        <v>85</v>
      </c>
      <c r="I154" s="35"/>
      <c r="J154" s="35"/>
      <c r="K154" s="35"/>
      <c r="L154" s="35"/>
    </row>
    <row r="155" spans="1:12" s="4" customFormat="1" ht="60" customHeight="1" x14ac:dyDescent="0.2">
      <c r="A155" s="1">
        <v>149</v>
      </c>
      <c r="B155" s="31" t="s">
        <v>546</v>
      </c>
      <c r="C155" s="32" t="s">
        <v>53</v>
      </c>
      <c r="D155" s="33" t="s">
        <v>96</v>
      </c>
      <c r="E155" s="34" t="s">
        <v>177</v>
      </c>
      <c r="F155" s="31" t="s">
        <v>356</v>
      </c>
      <c r="G155" s="35" t="s">
        <v>0</v>
      </c>
      <c r="H155" s="37" t="s">
        <v>85</v>
      </c>
      <c r="I155" s="35"/>
      <c r="J155" s="35"/>
      <c r="K155" s="35"/>
      <c r="L155" s="35"/>
    </row>
    <row r="156" spans="1:12" s="4" customFormat="1" ht="60" customHeight="1" x14ac:dyDescent="0.2">
      <c r="A156" s="2">
        <v>150</v>
      </c>
      <c r="B156" s="31" t="s">
        <v>547</v>
      </c>
      <c r="C156" s="32" t="s">
        <v>61</v>
      </c>
      <c r="D156" s="33" t="s">
        <v>102</v>
      </c>
      <c r="E156" s="34" t="s">
        <v>193</v>
      </c>
      <c r="F156" s="31" t="s">
        <v>357</v>
      </c>
      <c r="G156" s="35" t="s">
        <v>0</v>
      </c>
      <c r="H156" s="37" t="s">
        <v>85</v>
      </c>
      <c r="I156" s="38" t="s">
        <v>571</v>
      </c>
      <c r="J156" s="35"/>
      <c r="K156" s="35"/>
      <c r="L156" s="35"/>
    </row>
    <row r="157" spans="1:12" s="4" customFormat="1" ht="60" customHeight="1" x14ac:dyDescent="0.2">
      <c r="A157" s="1">
        <v>151</v>
      </c>
      <c r="B157" s="31" t="s">
        <v>548</v>
      </c>
      <c r="C157" s="32" t="s">
        <v>30</v>
      </c>
      <c r="D157" s="33" t="s">
        <v>90</v>
      </c>
      <c r="E157" s="34" t="s">
        <v>138</v>
      </c>
      <c r="F157" s="31" t="s">
        <v>372</v>
      </c>
      <c r="G157" s="35" t="s">
        <v>0</v>
      </c>
      <c r="H157" s="37" t="s">
        <v>85</v>
      </c>
      <c r="I157" s="37"/>
      <c r="J157" s="35"/>
      <c r="K157" s="35"/>
      <c r="L157" s="35"/>
    </row>
    <row r="158" spans="1:12" s="4" customFormat="1" ht="60" customHeight="1" x14ac:dyDescent="0.2">
      <c r="A158" s="1">
        <v>152</v>
      </c>
      <c r="B158" s="31" t="s">
        <v>549</v>
      </c>
      <c r="C158" s="32" t="s">
        <v>5</v>
      </c>
      <c r="D158" s="33" t="s">
        <v>118</v>
      </c>
      <c r="E158" s="34" t="s">
        <v>588</v>
      </c>
      <c r="F158" s="31" t="s">
        <v>397</v>
      </c>
      <c r="G158" s="35" t="s">
        <v>0</v>
      </c>
      <c r="H158" s="36" t="s">
        <v>675</v>
      </c>
      <c r="I158" s="37" t="s">
        <v>85</v>
      </c>
      <c r="J158" s="38" t="s">
        <v>570</v>
      </c>
      <c r="K158" s="35"/>
      <c r="L158" s="35"/>
    </row>
    <row r="159" spans="1:12" s="4" customFormat="1" ht="60" customHeight="1" x14ac:dyDescent="0.2">
      <c r="A159" s="1">
        <v>153</v>
      </c>
      <c r="B159" s="31" t="s">
        <v>627</v>
      </c>
      <c r="C159" s="32" t="s">
        <v>71</v>
      </c>
      <c r="D159" s="33" t="s">
        <v>91</v>
      </c>
      <c r="E159" s="34" t="s">
        <v>640</v>
      </c>
      <c r="F159" s="31" t="s">
        <v>641</v>
      </c>
      <c r="G159" s="35" t="s">
        <v>2</v>
      </c>
      <c r="H159" s="37" t="s">
        <v>85</v>
      </c>
      <c r="I159" s="37"/>
      <c r="J159" s="38"/>
      <c r="K159" s="35"/>
      <c r="L159" s="35"/>
    </row>
    <row r="160" spans="1:12" s="4" customFormat="1" ht="60" customHeight="1" x14ac:dyDescent="0.2">
      <c r="A160" s="1">
        <v>154</v>
      </c>
      <c r="B160" s="31" t="s">
        <v>628</v>
      </c>
      <c r="C160" s="32" t="s">
        <v>59</v>
      </c>
      <c r="D160" s="33" t="s">
        <v>119</v>
      </c>
      <c r="E160" s="34" t="s">
        <v>634</v>
      </c>
      <c r="F160" s="48" t="s">
        <v>635</v>
      </c>
      <c r="G160" s="35" t="s">
        <v>1</v>
      </c>
      <c r="H160" s="37" t="s">
        <v>85</v>
      </c>
      <c r="I160" s="37"/>
      <c r="J160" s="38"/>
      <c r="K160" s="35"/>
      <c r="L160" s="35"/>
    </row>
    <row r="161" spans="1:13" s="4" customFormat="1" ht="60" customHeight="1" x14ac:dyDescent="0.2">
      <c r="A161" s="1">
        <v>155</v>
      </c>
      <c r="B161" s="31" t="s">
        <v>629</v>
      </c>
      <c r="C161" s="32" t="s">
        <v>6</v>
      </c>
      <c r="D161" s="33" t="s">
        <v>119</v>
      </c>
      <c r="E161" s="34" t="s">
        <v>632</v>
      </c>
      <c r="F161" s="49" t="s">
        <v>633</v>
      </c>
      <c r="G161" s="35" t="s">
        <v>0</v>
      </c>
      <c r="H161" s="36" t="s">
        <v>675</v>
      </c>
      <c r="I161" s="37" t="s">
        <v>85</v>
      </c>
      <c r="J161" s="38" t="s">
        <v>572</v>
      </c>
      <c r="K161" s="35"/>
      <c r="L161" s="35"/>
    </row>
    <row r="162" spans="1:13" s="4" customFormat="1" ht="60" customHeight="1" x14ac:dyDescent="0.2">
      <c r="A162" s="1">
        <v>156</v>
      </c>
      <c r="B162" s="31" t="s">
        <v>550</v>
      </c>
      <c r="C162" s="32" t="s">
        <v>17</v>
      </c>
      <c r="D162" s="33" t="s">
        <v>612</v>
      </c>
      <c r="E162" s="34" t="s">
        <v>611</v>
      </c>
      <c r="F162" s="31" t="s">
        <v>613</v>
      </c>
      <c r="G162" s="35" t="s">
        <v>1</v>
      </c>
      <c r="H162" s="36" t="s">
        <v>620</v>
      </c>
      <c r="I162" s="36" t="s">
        <v>565</v>
      </c>
      <c r="J162" s="38"/>
      <c r="K162" s="35"/>
      <c r="L162" s="35"/>
    </row>
    <row r="163" spans="1:13" s="4" customFormat="1" ht="60" customHeight="1" x14ac:dyDescent="0.2">
      <c r="A163" s="1">
        <v>117</v>
      </c>
      <c r="B163" s="31" t="s">
        <v>551</v>
      </c>
      <c r="C163" s="32" t="s">
        <v>17</v>
      </c>
      <c r="D163" s="33" t="s">
        <v>91</v>
      </c>
      <c r="E163" s="34" t="s">
        <v>636</v>
      </c>
      <c r="F163" s="51" t="s">
        <v>637</v>
      </c>
      <c r="G163" s="35" t="s">
        <v>1</v>
      </c>
      <c r="H163" s="36" t="s">
        <v>620</v>
      </c>
      <c r="I163" s="36" t="s">
        <v>565</v>
      </c>
      <c r="J163" s="37"/>
      <c r="K163" s="35"/>
      <c r="L163" s="35"/>
    </row>
    <row r="164" spans="1:13" s="4" customFormat="1" ht="75" customHeight="1" x14ac:dyDescent="0.2">
      <c r="A164" s="1">
        <v>157</v>
      </c>
      <c r="B164" s="31" t="s">
        <v>552</v>
      </c>
      <c r="C164" s="32" t="s">
        <v>26</v>
      </c>
      <c r="D164" s="33" t="s">
        <v>91</v>
      </c>
      <c r="E164" s="34" t="s">
        <v>638</v>
      </c>
      <c r="F164" s="31" t="s">
        <v>639</v>
      </c>
      <c r="G164" s="35" t="s">
        <v>1</v>
      </c>
      <c r="H164" s="36" t="s">
        <v>565</v>
      </c>
      <c r="I164" s="35"/>
      <c r="J164" s="35"/>
      <c r="K164" s="35"/>
      <c r="L164" s="35"/>
    </row>
    <row r="165" spans="1:13" s="4" customFormat="1" ht="45" customHeight="1" x14ac:dyDescent="0.2">
      <c r="A165" s="1">
        <v>158</v>
      </c>
      <c r="B165" s="31" t="s">
        <v>553</v>
      </c>
      <c r="C165" s="32" t="s">
        <v>79</v>
      </c>
      <c r="D165" s="33" t="s">
        <v>605</v>
      </c>
      <c r="E165" s="34"/>
      <c r="F165" s="31"/>
      <c r="G165" s="35" t="s">
        <v>2</v>
      </c>
      <c r="H165" s="36" t="s">
        <v>621</v>
      </c>
      <c r="I165" s="38" t="s">
        <v>566</v>
      </c>
      <c r="J165" s="35"/>
      <c r="K165" s="35"/>
      <c r="L165" s="35"/>
    </row>
    <row r="166" spans="1:13" s="4" customFormat="1" ht="60" customHeight="1" x14ac:dyDescent="0.2">
      <c r="A166" s="1">
        <v>159</v>
      </c>
      <c r="B166" s="31" t="s">
        <v>630</v>
      </c>
      <c r="C166" s="32" t="s">
        <v>631</v>
      </c>
      <c r="D166" s="33" t="s">
        <v>91</v>
      </c>
      <c r="E166" s="34" t="s">
        <v>642</v>
      </c>
      <c r="F166" s="31" t="s">
        <v>643</v>
      </c>
      <c r="G166" s="35" t="s">
        <v>2</v>
      </c>
      <c r="H166" s="36" t="s">
        <v>621</v>
      </c>
      <c r="I166" s="38" t="s">
        <v>566</v>
      </c>
      <c r="J166" s="35"/>
      <c r="K166" s="35"/>
      <c r="L166" s="35"/>
    </row>
    <row r="167" spans="1:13" s="4" customFormat="1" ht="45" customHeight="1" x14ac:dyDescent="0.2">
      <c r="A167" s="1">
        <v>160</v>
      </c>
      <c r="B167" s="31" t="s">
        <v>554</v>
      </c>
      <c r="C167" s="32" t="s">
        <v>28</v>
      </c>
      <c r="D167" s="33" t="s">
        <v>128</v>
      </c>
      <c r="E167" s="34" t="s">
        <v>248</v>
      </c>
      <c r="F167" s="31" t="s">
        <v>362</v>
      </c>
      <c r="G167" s="35" t="s">
        <v>3</v>
      </c>
      <c r="H167" s="38" t="s">
        <v>567</v>
      </c>
      <c r="I167" s="35"/>
      <c r="J167" s="35"/>
      <c r="K167" s="35"/>
      <c r="L167" s="35"/>
    </row>
    <row r="168" spans="1:13" s="4" customFormat="1" ht="45" customHeight="1" x14ac:dyDescent="0.2">
      <c r="A168" s="1">
        <v>161</v>
      </c>
      <c r="B168" s="31" t="s">
        <v>555</v>
      </c>
      <c r="C168" s="32" t="s">
        <v>44</v>
      </c>
      <c r="D168" s="33" t="s">
        <v>92</v>
      </c>
      <c r="E168" s="34" t="s">
        <v>162</v>
      </c>
      <c r="F168" s="31" t="s">
        <v>644</v>
      </c>
      <c r="G168" s="35" t="s">
        <v>3</v>
      </c>
      <c r="H168" s="38" t="s">
        <v>567</v>
      </c>
      <c r="I168" s="35"/>
      <c r="J168" s="35"/>
      <c r="K168" s="35"/>
      <c r="L168" s="35"/>
    </row>
    <row r="169" spans="1:13" s="4" customFormat="1" ht="45" customHeight="1" x14ac:dyDescent="0.2">
      <c r="A169" s="1">
        <v>162</v>
      </c>
      <c r="B169" s="31" t="s">
        <v>556</v>
      </c>
      <c r="C169" s="32" t="s">
        <v>38</v>
      </c>
      <c r="D169" s="33" t="s">
        <v>107</v>
      </c>
      <c r="E169" s="34" t="s">
        <v>207</v>
      </c>
      <c r="F169" s="31" t="s">
        <v>363</v>
      </c>
      <c r="G169" s="35" t="s">
        <v>3</v>
      </c>
      <c r="H169" s="38" t="s">
        <v>567</v>
      </c>
      <c r="I169" s="35"/>
      <c r="J169" s="35"/>
      <c r="K169" s="35"/>
      <c r="L169" s="35"/>
    </row>
    <row r="170" spans="1:13" s="4" customFormat="1" ht="45" customHeight="1" x14ac:dyDescent="0.2">
      <c r="A170" s="1">
        <v>163</v>
      </c>
      <c r="B170" s="31" t="s">
        <v>557</v>
      </c>
      <c r="C170" s="32" t="s">
        <v>22</v>
      </c>
      <c r="D170" s="33" t="s">
        <v>91</v>
      </c>
      <c r="E170" s="34" t="s">
        <v>163</v>
      </c>
      <c r="F170" s="31" t="s">
        <v>402</v>
      </c>
      <c r="G170" s="35" t="s">
        <v>3</v>
      </c>
      <c r="H170" s="38" t="s">
        <v>567</v>
      </c>
      <c r="I170" s="35"/>
      <c r="J170" s="35"/>
      <c r="K170" s="35"/>
      <c r="L170" s="35"/>
    </row>
    <row r="171" spans="1:13" s="4" customFormat="1" ht="60" customHeight="1" x14ac:dyDescent="0.2">
      <c r="A171" s="1">
        <v>164</v>
      </c>
      <c r="B171" s="31" t="s">
        <v>558</v>
      </c>
      <c r="C171" s="32" t="s">
        <v>22</v>
      </c>
      <c r="D171" s="33" t="s">
        <v>98</v>
      </c>
      <c r="E171" s="34" t="s">
        <v>185</v>
      </c>
      <c r="F171" s="31" t="s">
        <v>364</v>
      </c>
      <c r="G171" s="35" t="s">
        <v>3</v>
      </c>
      <c r="H171" s="38" t="s">
        <v>567</v>
      </c>
      <c r="I171" s="35"/>
      <c r="J171" s="35"/>
      <c r="K171" s="35"/>
      <c r="L171" s="35"/>
    </row>
    <row r="172" spans="1:13" s="4" customFormat="1" ht="45" customHeight="1" x14ac:dyDescent="0.2">
      <c r="A172" s="1">
        <v>165</v>
      </c>
      <c r="B172" s="31" t="s">
        <v>559</v>
      </c>
      <c r="C172" s="32" t="s">
        <v>4</v>
      </c>
      <c r="D172" s="33" t="s">
        <v>96</v>
      </c>
      <c r="E172" s="34" t="s">
        <v>184</v>
      </c>
      <c r="F172" s="31" t="s">
        <v>367</v>
      </c>
      <c r="G172" s="35" t="s">
        <v>0</v>
      </c>
      <c r="H172" s="38" t="s">
        <v>568</v>
      </c>
      <c r="I172" s="35"/>
      <c r="J172" s="35"/>
      <c r="K172" s="35"/>
      <c r="L172" s="35"/>
    </row>
    <row r="173" spans="1:13" s="4" customFormat="1" ht="45" customHeight="1" x14ac:dyDescent="0.2">
      <c r="A173" s="1">
        <v>166</v>
      </c>
      <c r="B173" s="31" t="s">
        <v>560</v>
      </c>
      <c r="C173" s="32" t="s">
        <v>4</v>
      </c>
      <c r="D173" s="33" t="s">
        <v>129</v>
      </c>
      <c r="E173" s="34" t="s">
        <v>250</v>
      </c>
      <c r="F173" s="31" t="s">
        <v>368</v>
      </c>
      <c r="G173" s="35" t="s">
        <v>0</v>
      </c>
      <c r="H173" s="38" t="s">
        <v>568</v>
      </c>
      <c r="I173" s="35"/>
      <c r="J173" s="35"/>
      <c r="K173" s="35"/>
      <c r="L173" s="35"/>
      <c r="M173" s="7"/>
    </row>
    <row r="174" spans="1:13" s="7" customFormat="1" ht="60" customHeight="1" x14ac:dyDescent="0.2">
      <c r="A174" s="1">
        <v>167</v>
      </c>
      <c r="B174" s="31" t="s">
        <v>561</v>
      </c>
      <c r="C174" s="32" t="s">
        <v>7</v>
      </c>
      <c r="D174" s="33" t="s">
        <v>91</v>
      </c>
      <c r="E174" s="34" t="s">
        <v>142</v>
      </c>
      <c r="F174" s="31" t="s">
        <v>369</v>
      </c>
      <c r="G174" s="35" t="s">
        <v>0</v>
      </c>
      <c r="H174" s="38" t="s">
        <v>569</v>
      </c>
      <c r="I174" s="35"/>
      <c r="J174" s="35"/>
      <c r="K174" s="35"/>
      <c r="L174" s="35"/>
    </row>
    <row r="175" spans="1:13" s="7" customFormat="1" ht="60" customHeight="1" x14ac:dyDescent="0.2">
      <c r="A175" s="1">
        <v>168</v>
      </c>
      <c r="B175" s="31" t="s">
        <v>562</v>
      </c>
      <c r="C175" s="32" t="s">
        <v>7</v>
      </c>
      <c r="D175" s="33" t="s">
        <v>103</v>
      </c>
      <c r="E175" s="34" t="s">
        <v>195</v>
      </c>
      <c r="F175" s="31" t="s">
        <v>370</v>
      </c>
      <c r="G175" s="35" t="s">
        <v>0</v>
      </c>
      <c r="H175" s="38" t="s">
        <v>569</v>
      </c>
      <c r="I175" s="35"/>
      <c r="J175" s="35"/>
      <c r="K175" s="35"/>
      <c r="L175" s="35"/>
    </row>
    <row r="176" spans="1:13" s="7" customFormat="1" ht="60" customHeight="1" x14ac:dyDescent="0.2">
      <c r="A176" s="1">
        <v>169</v>
      </c>
      <c r="B176" s="31" t="s">
        <v>563</v>
      </c>
      <c r="C176" s="32" t="s">
        <v>4</v>
      </c>
      <c r="D176" s="33" t="s">
        <v>118</v>
      </c>
      <c r="E176" s="34" t="s">
        <v>598</v>
      </c>
      <c r="F176" s="31" t="s">
        <v>597</v>
      </c>
      <c r="G176" s="35" t="s">
        <v>0</v>
      </c>
      <c r="H176" s="36" t="s">
        <v>675</v>
      </c>
      <c r="I176" s="35"/>
      <c r="J176" s="35"/>
      <c r="K176" s="35"/>
      <c r="L176" s="35"/>
      <c r="M176" s="10"/>
    </row>
    <row r="177" spans="1:13" s="7" customFormat="1" ht="70.05" customHeight="1" x14ac:dyDescent="0.2">
      <c r="A177" s="1">
        <v>168</v>
      </c>
      <c r="B177" s="31" t="s">
        <v>657</v>
      </c>
      <c r="C177" s="32" t="s">
        <v>1</v>
      </c>
      <c r="D177" s="33" t="s">
        <v>119</v>
      </c>
      <c r="E177" s="34" t="s">
        <v>667</v>
      </c>
      <c r="F177" s="31" t="s">
        <v>673</v>
      </c>
      <c r="G177" s="35" t="s">
        <v>1</v>
      </c>
      <c r="H177" s="36" t="s">
        <v>565</v>
      </c>
      <c r="I177" s="35"/>
      <c r="J177" s="35"/>
      <c r="K177" s="35"/>
      <c r="L177" s="35"/>
    </row>
    <row r="178" spans="1:13" s="7" customFormat="1" ht="60" customHeight="1" x14ac:dyDescent="0.2">
      <c r="A178" s="1">
        <v>168</v>
      </c>
      <c r="B178" s="31" t="s">
        <v>658</v>
      </c>
      <c r="C178" s="32" t="s">
        <v>1</v>
      </c>
      <c r="D178" s="33" t="s">
        <v>91</v>
      </c>
      <c r="E178" s="34" t="s">
        <v>662</v>
      </c>
      <c r="F178" s="50" t="s">
        <v>663</v>
      </c>
      <c r="G178" s="35" t="s">
        <v>1</v>
      </c>
      <c r="H178" s="36" t="s">
        <v>565</v>
      </c>
      <c r="I178" s="35"/>
      <c r="J178" s="35"/>
      <c r="K178" s="35"/>
      <c r="L178" s="35"/>
    </row>
    <row r="179" spans="1:13" s="7" customFormat="1" ht="70.05" customHeight="1" x14ac:dyDescent="0.2">
      <c r="A179" s="1">
        <v>168</v>
      </c>
      <c r="B179" s="31" t="s">
        <v>659</v>
      </c>
      <c r="C179" s="32" t="s">
        <v>1</v>
      </c>
      <c r="D179" s="33" t="s">
        <v>96</v>
      </c>
      <c r="E179" s="34" t="s">
        <v>666</v>
      </c>
      <c r="F179" s="31" t="s">
        <v>674</v>
      </c>
      <c r="G179" s="35" t="s">
        <v>1</v>
      </c>
      <c r="H179" s="36" t="s">
        <v>565</v>
      </c>
      <c r="I179" s="35"/>
      <c r="J179" s="35"/>
      <c r="K179" s="35"/>
      <c r="L179" s="35"/>
    </row>
    <row r="180" spans="1:13" s="7" customFormat="1" ht="119.4" customHeight="1" x14ac:dyDescent="0.2">
      <c r="A180" s="1">
        <v>168</v>
      </c>
      <c r="B180" s="31" t="s">
        <v>660</v>
      </c>
      <c r="C180" s="32" t="s">
        <v>75</v>
      </c>
      <c r="D180" s="33" t="s">
        <v>119</v>
      </c>
      <c r="E180" s="34" t="s">
        <v>671</v>
      </c>
      <c r="F180" s="31" t="s">
        <v>668</v>
      </c>
      <c r="G180" s="35" t="s">
        <v>0</v>
      </c>
      <c r="H180" s="36" t="s">
        <v>675</v>
      </c>
      <c r="I180" s="35"/>
      <c r="J180" s="35"/>
      <c r="K180" s="35"/>
      <c r="L180" s="35"/>
    </row>
    <row r="181" spans="1:13" s="7" customFormat="1" ht="70.05" customHeight="1" x14ac:dyDescent="0.2">
      <c r="A181" s="1">
        <v>168</v>
      </c>
      <c r="B181" s="31" t="s">
        <v>661</v>
      </c>
      <c r="C181" s="32" t="s">
        <v>2</v>
      </c>
      <c r="D181" s="33" t="s">
        <v>91</v>
      </c>
      <c r="E181" s="34" t="s">
        <v>669</v>
      </c>
      <c r="F181" s="31" t="s">
        <v>670</v>
      </c>
      <c r="G181" s="35" t="s">
        <v>654</v>
      </c>
      <c r="H181" s="36" t="s">
        <v>621</v>
      </c>
      <c r="I181" s="35"/>
      <c r="J181" s="35"/>
      <c r="K181" s="35"/>
      <c r="L181" s="35"/>
    </row>
    <row r="182" spans="1:13" x14ac:dyDescent="0.2">
      <c r="B182" s="7"/>
      <c r="C182" s="9"/>
      <c r="D182" s="7"/>
      <c r="E182" s="12"/>
      <c r="F182" s="14"/>
      <c r="G182" s="8"/>
      <c r="H182" s="8"/>
      <c r="I182" s="8"/>
      <c r="J182" s="8"/>
      <c r="K182" s="8"/>
      <c r="L182" s="8"/>
    </row>
    <row r="183" spans="1:13" x14ac:dyDescent="0.2">
      <c r="B183" s="7"/>
      <c r="C183" s="9"/>
      <c r="D183" s="7"/>
      <c r="E183" s="12"/>
      <c r="F183" s="14"/>
      <c r="G183" s="8"/>
      <c r="H183" s="8"/>
      <c r="I183" s="8"/>
      <c r="J183" s="8"/>
      <c r="K183" s="8"/>
      <c r="L183" s="8"/>
    </row>
    <row r="186" spans="1:13" x14ac:dyDescent="0.2">
      <c r="M186" s="5"/>
    </row>
    <row r="187" spans="1:13" s="5" customFormat="1" x14ac:dyDescent="0.2">
      <c r="A187" s="3"/>
      <c r="B187" s="3"/>
      <c r="C187" s="6"/>
      <c r="D187" s="3"/>
      <c r="E187" s="11"/>
      <c r="F187" s="13"/>
    </row>
    <row r="188" spans="1:13" s="5" customFormat="1" x14ac:dyDescent="0.2">
      <c r="A188" s="3"/>
      <c r="B188" s="3"/>
      <c r="C188" s="6"/>
      <c r="D188" s="3"/>
      <c r="E188" s="11"/>
      <c r="F188" s="13"/>
    </row>
    <row r="189" spans="1:13" s="5" customFormat="1" x14ac:dyDescent="0.2">
      <c r="A189" s="3"/>
      <c r="B189" s="3"/>
      <c r="C189" s="6"/>
      <c r="D189" s="3"/>
      <c r="E189" s="11"/>
      <c r="F189" s="13"/>
      <c r="M189" s="3"/>
    </row>
    <row r="190" spans="1:13" x14ac:dyDescent="0.2">
      <c r="D190" s="5"/>
      <c r="F190" s="15"/>
    </row>
    <row r="191" spans="1:13" x14ac:dyDescent="0.2">
      <c r="D191" s="5"/>
      <c r="F191" s="15"/>
    </row>
    <row r="192" spans="1:13" x14ac:dyDescent="0.2">
      <c r="F192" s="15"/>
    </row>
  </sheetData>
  <autoFilter ref="A10:M181"/>
  <phoneticPr fontId="1"/>
  <hyperlinks>
    <hyperlink ref="F163" r:id="rId1"/>
  </hyperlinks>
  <printOptions horizontalCentered="1"/>
  <pageMargins left="0.82677165354330717" right="0.82677165354330717" top="0.74803149606299213" bottom="0.74803149606299213" header="0.31496062992125984" footer="0.43307086614173229"/>
  <pageSetup paperSize="9" scale="61" fitToHeight="0" orientation="landscape" useFirstPageNumber="1" r:id="rId2"/>
  <headerFooter alignWithMargins="0">
    <oddFooter>&amp;C&amp;"ＭＳ ゴシック,標準"&amp;12&amp;P/&amp;N</oddFooter>
  </headerFooter>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2</vt:i4>
      </vt:variant>
    </vt:vector>
  </HeadingPairs>
  <TitlesOfParts>
    <vt:vector size="3" baseType="lpstr">
      <vt:lpstr>R5.11.30</vt:lpstr>
      <vt:lpstr>R5.11.30!Print_Area</vt:lpstr>
      <vt:lpstr>R5.11.30!Print_Titles</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上野山 みさ子</dc:creator>
  <cp:lastModifiedBy>user</cp:lastModifiedBy>
  <cp:lastPrinted>2024-03-08T03:04:20Z</cp:lastPrinted>
  <dcterms:created xsi:type="dcterms:W3CDTF">1997-01-08T22:48:59Z</dcterms:created>
  <dcterms:modified xsi:type="dcterms:W3CDTF">2024-03-08T03:04:28Z</dcterms:modified>
</cp:coreProperties>
</file>